
<file path=[Content_Types].xml><?xml version="1.0" encoding="utf-8"?>
<Types xmlns="http://schemas.openxmlformats.org/package/2006/content-types">
  <Override PartName="/ppt/slides/slide6.xml" ContentType="application/vnd.openxmlformats-officedocument.presentationml.slide+xml"/>
  <Override PartName="/ppt/slideLayouts/slideLayout8.xml" ContentType="application/vnd.openxmlformats-officedocument.presentationml.slideLayout+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4.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customXml/itemProps1.xml" ContentType="application/vnd.openxmlformats-officedocument.customXmlProperties+xml"/>
  <Override PartName="/ppt/slides/slide2.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Default Extension="wmf" ContentType="image/x-w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Layouts/slideLayout1.xml" ContentType="application/vnd.openxmlformats-officedocument.presentationml.slideLayout+xml"/>
  <Override PartName="/docProps/app.xml" ContentType="application/vnd.openxmlformats-officedocument.extended-properties+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docProps/custom.xml" ContentType="application/vnd.openxmlformats-officedocument.custom-properties+xml"/>
  <Override PartName="/ppt/slideLayouts/slideLayout10.xml" ContentType="application/vnd.openxmlformats-officedocument.presentationml.slideLayout+xml"/>
  <Default Extension="gif" ContentType="image/gif"/>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docProps/core.xml" ContentType="application/vnd.openxmlformats-package.core-properties+xml"/>
  <Override PartName="/ppt/slides/slide5.xml" ContentType="application/vnd.openxmlformats-officedocument.presentationml.slide+xml"/>
  <Override PartName="/ppt/slideLayouts/slideLayout7.xml" ContentType="application/vnd.openxmlformats-officedocument.presentationml.slideLayout+xml"/>
  <Default Extension="png" ContentType="image/png"/>
  <Override PartName="/customXml/itemProps2.xml" ContentType="application/vnd.openxmlformats-officedocument.customXmlProperties+xml"/>
  <Override PartName="/ppt/slides/slide3.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slides/slide1.xml" ContentType="application/vnd.openxmlformats-officedocument.presentationml.slide+xml"/>
  <Override PartName="/ppt/slideLayouts/slideLayout3.xml" ContentType="application/vnd.openxmlformats-officedocument.presentationml.slideLayout+xml"/>
  <Default Extension="jpeg" ContentType="image/jpeg"/>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sldIdLst>
    <p:sldId id="256" r:id="rId2"/>
    <p:sldId id="265" r:id="rId3"/>
    <p:sldId id="257" r:id="rId4"/>
    <p:sldId id="258" r:id="rId5"/>
    <p:sldId id="259" r:id="rId6"/>
    <p:sldId id="260" r:id="rId7"/>
    <p:sldId id="261" r:id="rId8"/>
    <p:sldId id="262" r:id="rId9"/>
    <p:sldId id="263" r:id="rId10"/>
    <p:sldId id="264" r:id="rId11"/>
    <p:sldId id="267" r:id="rId12"/>
    <p:sldId id="266" r:id="rId13"/>
  </p:sldIdLst>
  <p:sldSz cx="9144000" cy="6858000" type="screen4x3"/>
  <p:notesSz cx="19297650" cy="2940685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showOutlineIcons="0">
    <p:restoredLeft sz="15802" autoAdjust="0"/>
    <p:restoredTop sz="94707" autoAdjust="0"/>
  </p:normalViewPr>
  <p:slideViewPr>
    <p:cSldViewPr>
      <p:cViewPr varScale="1">
        <p:scale>
          <a:sx n="85" d="100"/>
          <a:sy n="85" d="100"/>
        </p:scale>
        <p:origin x="-606" y="-96"/>
      </p:cViewPr>
      <p:guideLst>
        <p:guide orient="horz" pos="2160"/>
        <p:guide pos="2880"/>
      </p:guideLst>
    </p:cSldViewPr>
  </p:slideViewPr>
  <p:notesTextViewPr>
    <p:cViewPr>
      <p:scale>
        <a:sx n="100" d="100"/>
        <a:sy n="100" d="100"/>
      </p:scale>
      <p:origin x="0" y="0"/>
    </p:cViewPr>
  </p:notesTextViewPr>
  <p:sorterViewPr>
    <p:cViewPr>
      <p:scale>
        <a:sx n="66" d="100"/>
        <a:sy n="66" d="100"/>
      </p:scale>
      <p:origin x="0" y="0"/>
    </p:cViewPr>
  </p:sorter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customXml" Target="../customXml/item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theme" Target="theme/theme1.xml"/><Relationship Id="rId20" Type="http://schemas.openxmlformats.org/officeDocument/2006/relationships/customXml" Target="../customXml/item3.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customXml" Target="../customXml/item2.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presProps" Target="presProps.xml"/></Relationship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dirty="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34E3FC1A-1DD3-4825-B59C-22F28D1BA3C0}" type="datetimeFigureOut">
              <a:rPr lang="en-US" smtClean="0"/>
              <a:t>8/17/2008</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21BBA84A-6CC5-4969-AC66-6561B766C748}" type="slidenum">
              <a:rPr lang="en-US" smtClean="0"/>
              <a:t>‹#›</a:t>
            </a:fld>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4E3FC1A-1DD3-4825-B59C-22F28D1BA3C0}" type="datetimeFigureOut">
              <a:rPr lang="en-US" smtClean="0"/>
              <a:t>8/17/2008</a:t>
            </a:fld>
            <a:endParaRPr lang="en-US" dirty="0"/>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21BBA84A-6CC5-4969-AC66-6561B766C748}" type="slidenum">
              <a:rPr lang="en-US" smtClean="0"/>
              <a:t>‹#›</a:t>
            </a:fld>
            <a:endParaRPr 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wmf"/><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22.wmf"/><Relationship Id="rId1" Type="http://schemas.openxmlformats.org/officeDocument/2006/relationships/slideLayout" Target="../slideLayouts/slideLayout2.xml"/><Relationship Id="rId6" Type="http://schemas.openxmlformats.org/officeDocument/2006/relationships/image" Target="../media/image25.wmf"/><Relationship Id="rId5" Type="http://schemas.openxmlformats.org/officeDocument/2006/relationships/image" Target="../media/image24.wmf"/><Relationship Id="rId4" Type="http://schemas.openxmlformats.org/officeDocument/2006/relationships/image" Target="../media/image23.png"/></Relationships>
</file>

<file path=ppt/slides/_rels/slide11.xml.rels><?xml version="1.0" encoding="UTF-8" standalone="yes"?>
<Relationships xmlns="http://schemas.openxmlformats.org/package/2006/relationships"><Relationship Id="rId3" Type="http://schemas.openxmlformats.org/officeDocument/2006/relationships/image" Target="../media/image20.jpeg"/><Relationship Id="rId7" Type="http://schemas.openxmlformats.org/officeDocument/2006/relationships/image" Target="../media/image8.jpeg"/><Relationship Id="rId2" Type="http://schemas.openxmlformats.org/officeDocument/2006/relationships/image" Target="../media/image5.jpeg"/><Relationship Id="rId1" Type="http://schemas.openxmlformats.org/officeDocument/2006/relationships/slideLayout" Target="../slideLayouts/slideLayout2.xml"/><Relationship Id="rId6" Type="http://schemas.openxmlformats.org/officeDocument/2006/relationships/image" Target="../media/image12.jpeg"/><Relationship Id="rId5" Type="http://schemas.openxmlformats.org/officeDocument/2006/relationships/image" Target="../media/image14.gif"/><Relationship Id="rId4" Type="http://schemas.openxmlformats.org/officeDocument/2006/relationships/image" Target="../media/image18.jpe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image" Target="../media/image2.wmf"/><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4.wmf"/><Relationship Id="rId2" Type="http://schemas.openxmlformats.org/officeDocument/2006/relationships/image" Target="../media/image3.jpeg"/><Relationship Id="rId1" Type="http://schemas.openxmlformats.org/officeDocument/2006/relationships/slideLayout" Target="../slideLayouts/slideLayout2.xml"/><Relationship Id="rId4" Type="http://schemas.openxmlformats.org/officeDocument/2006/relationships/image" Target="../media/image5.jpeg"/></Relationships>
</file>

<file path=ppt/slides/_rels/slide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wmf"/><Relationship Id="rId1" Type="http://schemas.openxmlformats.org/officeDocument/2006/relationships/slideLayout" Target="../slideLayouts/slideLayout2.xml"/><Relationship Id="rId4" Type="http://schemas.openxmlformats.org/officeDocument/2006/relationships/image" Target="../media/image8.jpeg"/></Relationships>
</file>

<file path=ppt/slides/_rels/slide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2.xml"/><Relationship Id="rId5" Type="http://schemas.openxmlformats.org/officeDocument/2006/relationships/image" Target="../media/image12.jpeg"/><Relationship Id="rId4" Type="http://schemas.openxmlformats.org/officeDocument/2006/relationships/image" Target="../media/image11.png"/></Relationships>
</file>

<file path=ppt/slides/_rels/slide6.xml.rels><?xml version="1.0" encoding="UTF-8" standalone="yes"?>
<Relationships xmlns="http://schemas.openxmlformats.org/package/2006/relationships"><Relationship Id="rId3" Type="http://schemas.openxmlformats.org/officeDocument/2006/relationships/image" Target="../media/image14.gif"/><Relationship Id="rId2" Type="http://schemas.openxmlformats.org/officeDocument/2006/relationships/image" Target="../media/image13.wmf"/><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6.wmf"/><Relationship Id="rId2" Type="http://schemas.openxmlformats.org/officeDocument/2006/relationships/image" Target="../media/image15.wmf"/><Relationship Id="rId1" Type="http://schemas.openxmlformats.org/officeDocument/2006/relationships/slideLayout" Target="../slideLayouts/slideLayout2.xml"/><Relationship Id="rId5" Type="http://schemas.openxmlformats.org/officeDocument/2006/relationships/image" Target="../media/image18.jpeg"/><Relationship Id="rId4" Type="http://schemas.openxmlformats.org/officeDocument/2006/relationships/image" Target="../media/image17.wmf"/></Relationships>
</file>

<file path=ppt/slides/_rels/slide8.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image" Target="../media/image19.wmf"/><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21.wmf"/><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838200" y="533400"/>
            <a:ext cx="7924800" cy="2133600"/>
          </a:xfrm>
        </p:spPr>
        <p:txBody>
          <a:bodyPr>
            <a:normAutofit fontScale="90000"/>
          </a:bodyPr>
          <a:lstStyle/>
          <a:p>
            <a:r>
              <a:rPr lang="en-US" dirty="0" smtClean="0"/>
              <a:t>Getting Ready for School</a:t>
            </a:r>
            <a:br>
              <a:rPr lang="en-US" dirty="0" smtClean="0"/>
            </a:br>
            <a:r>
              <a:rPr lang="en-US" sz="2400" dirty="0" smtClean="0"/>
              <a:t>(to the tune of oh my Darling Clementine)</a:t>
            </a:r>
            <a:br>
              <a:rPr lang="en-US" sz="2400" dirty="0" smtClean="0"/>
            </a:br>
            <a:r>
              <a:rPr lang="en-US" sz="2400" dirty="0"/>
              <a:t/>
            </a:r>
            <a:br>
              <a:rPr lang="en-US" sz="2400" dirty="0"/>
            </a:br>
            <a:r>
              <a:rPr lang="en-US" sz="2400" dirty="0" smtClean="0"/>
              <a:t>by </a:t>
            </a:r>
            <a:r>
              <a:rPr lang="en-US" sz="2400" dirty="0"/>
              <a:t>K</a:t>
            </a:r>
            <a:r>
              <a:rPr lang="en-US" sz="2400" dirty="0" smtClean="0"/>
              <a:t>ristina </a:t>
            </a:r>
            <a:r>
              <a:rPr lang="en-US" sz="2400" dirty="0" smtClean="0"/>
              <a:t>Sica</a:t>
            </a:r>
            <a:r>
              <a:rPr lang="en-US" dirty="0"/>
              <a:t/>
            </a:r>
            <a:br>
              <a:rPr lang="en-US" dirty="0"/>
            </a:br>
            <a:r>
              <a:rPr lang="en-US" dirty="0" smtClean="0"/>
              <a:t/>
            </a:r>
            <a:br>
              <a:rPr lang="en-US" dirty="0" smtClean="0"/>
            </a:br>
            <a:endParaRPr lang="en-US" dirty="0"/>
          </a:p>
        </p:txBody>
      </p:sp>
      <p:pic>
        <p:nvPicPr>
          <p:cNvPr id="1026" name="Picture 2" descr="C:\Program Files\Microsoft Office\MEDIA\CAGCAT10\j0183328.wmf"/>
          <p:cNvPicPr>
            <a:picLocks noChangeAspect="1" noChangeArrowheads="1"/>
          </p:cNvPicPr>
          <p:nvPr/>
        </p:nvPicPr>
        <p:blipFill>
          <a:blip r:embed="rId2"/>
          <a:srcRect/>
          <a:stretch>
            <a:fillRect/>
          </a:stretch>
        </p:blipFill>
        <p:spPr bwMode="auto">
          <a:xfrm>
            <a:off x="2133600" y="1676400"/>
            <a:ext cx="5029200" cy="5052119"/>
          </a:xfrm>
          <a:prstGeom prst="rect">
            <a:avLst/>
          </a:prstGeom>
          <a:noFill/>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838200" y="533400"/>
            <a:ext cx="7848600" cy="5592763"/>
          </a:xfrm>
        </p:spPr>
        <p:txBody>
          <a:bodyPr/>
          <a:lstStyle/>
          <a:p>
            <a:pPr algn="ctr">
              <a:buNone/>
            </a:pPr>
            <a:r>
              <a:rPr lang="en-US" sz="1200" dirty="0" smtClean="0"/>
              <a:t>(put the items on the backpack as you sing )</a:t>
            </a:r>
            <a:endParaRPr lang="en-US" sz="1200" dirty="0" smtClean="0"/>
          </a:p>
          <a:p>
            <a:pPr algn="ctr">
              <a:buNone/>
            </a:pPr>
            <a:endParaRPr lang="en-US" dirty="0" smtClean="0"/>
          </a:p>
          <a:p>
            <a:pPr algn="ctr">
              <a:buNone/>
            </a:pPr>
            <a:r>
              <a:rPr lang="en-US" dirty="0" smtClean="0"/>
              <a:t>Put in the crayons</a:t>
            </a:r>
          </a:p>
          <a:p>
            <a:pPr algn="ctr">
              <a:buNone/>
            </a:pPr>
            <a:r>
              <a:rPr lang="en-US" dirty="0" smtClean="0"/>
              <a:t>Put in the scissors</a:t>
            </a:r>
          </a:p>
          <a:p>
            <a:pPr algn="ctr">
              <a:buNone/>
            </a:pPr>
            <a:r>
              <a:rPr lang="en-US" dirty="0" smtClean="0"/>
              <a:t>Don’t forget the pencils too</a:t>
            </a:r>
          </a:p>
          <a:p>
            <a:pPr algn="ctr">
              <a:buNone/>
            </a:pPr>
            <a:r>
              <a:rPr lang="en-US" dirty="0" smtClean="0"/>
              <a:t>Put in the paper and the glue</a:t>
            </a:r>
          </a:p>
          <a:p>
            <a:pPr algn="ctr">
              <a:buNone/>
            </a:pPr>
            <a:r>
              <a:rPr lang="en-US" dirty="0" smtClean="0"/>
              <a:t>The magic markers are fun for you!</a:t>
            </a:r>
            <a:endParaRPr lang="en-US" dirty="0"/>
          </a:p>
        </p:txBody>
      </p:sp>
      <p:pic>
        <p:nvPicPr>
          <p:cNvPr id="18433" name="Picture 1" descr="C:\Documents and Settings\s0703695\Local Settings\Temporary Internet Files\Content.IE5\PMPTR0RN\MCj04136480000[1].wmf"/>
          <p:cNvPicPr>
            <a:picLocks noChangeAspect="1" noChangeArrowheads="1"/>
          </p:cNvPicPr>
          <p:nvPr/>
        </p:nvPicPr>
        <p:blipFill>
          <a:blip r:embed="rId2"/>
          <a:srcRect/>
          <a:stretch>
            <a:fillRect/>
          </a:stretch>
        </p:blipFill>
        <p:spPr bwMode="auto">
          <a:xfrm>
            <a:off x="381000" y="304800"/>
            <a:ext cx="1817483" cy="1652390"/>
          </a:xfrm>
          <a:prstGeom prst="rect">
            <a:avLst/>
          </a:prstGeom>
          <a:noFill/>
        </p:spPr>
      </p:pic>
      <p:pic>
        <p:nvPicPr>
          <p:cNvPr id="18434" name="Picture 2" descr="C:\Documents and Settings\s0703695\Local Settings\Temporary Internet Files\Content.IE5\O3ZFGH4Q\MCj04348720000[1].png"/>
          <p:cNvPicPr>
            <a:picLocks noChangeAspect="1" noChangeArrowheads="1"/>
          </p:cNvPicPr>
          <p:nvPr/>
        </p:nvPicPr>
        <p:blipFill>
          <a:blip r:embed="rId3"/>
          <a:srcRect/>
          <a:stretch>
            <a:fillRect/>
          </a:stretch>
        </p:blipFill>
        <p:spPr bwMode="auto">
          <a:xfrm>
            <a:off x="6705600" y="4419600"/>
            <a:ext cx="2285714" cy="2285714"/>
          </a:xfrm>
          <a:prstGeom prst="rect">
            <a:avLst/>
          </a:prstGeom>
          <a:noFill/>
        </p:spPr>
      </p:pic>
      <p:pic>
        <p:nvPicPr>
          <p:cNvPr id="18435" name="Picture 3" descr="C:\Documents and Settings\s0703695\Local Settings\Temporary Internet Files\Content.IE5\A1KUHLBD\MCj04325800000[1].png"/>
          <p:cNvPicPr>
            <a:picLocks noChangeAspect="1" noChangeArrowheads="1"/>
          </p:cNvPicPr>
          <p:nvPr/>
        </p:nvPicPr>
        <p:blipFill>
          <a:blip r:embed="rId4"/>
          <a:srcRect/>
          <a:stretch>
            <a:fillRect/>
          </a:stretch>
        </p:blipFill>
        <p:spPr bwMode="auto">
          <a:xfrm>
            <a:off x="685800" y="4800600"/>
            <a:ext cx="1828572" cy="1828572"/>
          </a:xfrm>
          <a:prstGeom prst="rect">
            <a:avLst/>
          </a:prstGeom>
          <a:noFill/>
        </p:spPr>
      </p:pic>
      <p:pic>
        <p:nvPicPr>
          <p:cNvPr id="18436" name="Picture 4" descr="C:\Documents and Settings\s0703695\Local Settings\Temporary Internet Files\Content.IE5\O3ZFGH4Q\MCj03972040000[1].wmf"/>
          <p:cNvPicPr>
            <a:picLocks noChangeAspect="1" noChangeArrowheads="1"/>
          </p:cNvPicPr>
          <p:nvPr/>
        </p:nvPicPr>
        <p:blipFill>
          <a:blip r:embed="rId5"/>
          <a:srcRect/>
          <a:stretch>
            <a:fillRect/>
          </a:stretch>
        </p:blipFill>
        <p:spPr bwMode="auto">
          <a:xfrm>
            <a:off x="6477000" y="533400"/>
            <a:ext cx="1797710" cy="1670609"/>
          </a:xfrm>
          <a:prstGeom prst="rect">
            <a:avLst/>
          </a:prstGeom>
          <a:noFill/>
        </p:spPr>
      </p:pic>
      <p:pic>
        <p:nvPicPr>
          <p:cNvPr id="18437" name="Picture 5" descr="C:\Documents and Settings\s0703695\Local Settings\Temporary Internet Files\Content.IE5\O3ZFGH4Q\MCj04059280000[1].wmf"/>
          <p:cNvPicPr>
            <a:picLocks noChangeAspect="1" noChangeArrowheads="1"/>
          </p:cNvPicPr>
          <p:nvPr/>
        </p:nvPicPr>
        <p:blipFill>
          <a:blip r:embed="rId6"/>
          <a:srcRect/>
          <a:stretch>
            <a:fillRect/>
          </a:stretch>
        </p:blipFill>
        <p:spPr bwMode="auto">
          <a:xfrm>
            <a:off x="3429000" y="4343400"/>
            <a:ext cx="2057400" cy="2114725"/>
          </a:xfrm>
          <a:prstGeom prst="rect">
            <a:avLst/>
          </a:prstGeom>
          <a:noFill/>
        </p:spPr>
      </p:pic>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5" descr="http://rds.yahoo.com/_ylt=A0S0203EYKhI5egAmKmjzbkF/SIG=12edukvmj/EXP=1219080772/**http%3A/image.misterart.com/grouppix/528x352/6000/g6594.jpg"/>
          <p:cNvPicPr>
            <a:picLocks noGrp="1" noChangeAspect="1" noChangeArrowheads="1"/>
          </p:cNvPicPr>
          <p:nvPr>
            <p:ph idx="1"/>
          </p:nvPr>
        </p:nvPicPr>
        <p:blipFill>
          <a:blip r:embed="rId2"/>
          <a:srcRect/>
          <a:stretch>
            <a:fillRect/>
          </a:stretch>
        </p:blipFill>
        <p:spPr bwMode="auto">
          <a:xfrm>
            <a:off x="152400" y="0"/>
            <a:ext cx="2514600" cy="3352800"/>
          </a:xfrm>
          <a:prstGeom prst="rect">
            <a:avLst/>
          </a:prstGeom>
          <a:noFill/>
        </p:spPr>
      </p:pic>
      <p:pic>
        <p:nvPicPr>
          <p:cNvPr id="5" name="Picture 6" descr="http://rds.yahoo.com/_ylt=A0S020wzYahIv4sAlLujzbkF/SIG=13dpgvjb1/EXP=1219080883/**http%3A/www.guildcraftinc.com/images/products/Full/173-162%2520Markers%252012%2520Fine.jpg"/>
          <p:cNvPicPr>
            <a:picLocks noChangeAspect="1" noChangeArrowheads="1"/>
          </p:cNvPicPr>
          <p:nvPr/>
        </p:nvPicPr>
        <p:blipFill>
          <a:blip r:embed="rId3"/>
          <a:srcRect/>
          <a:stretch>
            <a:fillRect/>
          </a:stretch>
        </p:blipFill>
        <p:spPr bwMode="auto">
          <a:xfrm>
            <a:off x="3276600" y="381000"/>
            <a:ext cx="2667000" cy="2709672"/>
          </a:xfrm>
          <a:prstGeom prst="rect">
            <a:avLst/>
          </a:prstGeom>
          <a:noFill/>
        </p:spPr>
      </p:pic>
      <p:pic>
        <p:nvPicPr>
          <p:cNvPr id="6" name="Picture 6" descr="http://www.dailyweeder.com/wp-content/uploads/elmers-glue-all.jpg"/>
          <p:cNvPicPr>
            <a:picLocks noChangeAspect="1" noChangeArrowheads="1"/>
          </p:cNvPicPr>
          <p:nvPr/>
        </p:nvPicPr>
        <p:blipFill>
          <a:blip r:embed="rId4"/>
          <a:srcRect/>
          <a:stretch>
            <a:fillRect/>
          </a:stretch>
        </p:blipFill>
        <p:spPr bwMode="auto">
          <a:xfrm>
            <a:off x="5943600" y="228600"/>
            <a:ext cx="2895600" cy="2895600"/>
          </a:xfrm>
          <a:prstGeom prst="rect">
            <a:avLst/>
          </a:prstGeom>
          <a:noFill/>
        </p:spPr>
      </p:pic>
      <p:pic>
        <p:nvPicPr>
          <p:cNvPr id="7" name="Picture 8" descr="http://www.eschoolcrossingcatalog.com/images/edu/big/CE/CD_8715.gif"/>
          <p:cNvPicPr>
            <a:picLocks noChangeAspect="1" noChangeArrowheads="1"/>
          </p:cNvPicPr>
          <p:nvPr/>
        </p:nvPicPr>
        <p:blipFill>
          <a:blip r:embed="rId5"/>
          <a:srcRect/>
          <a:stretch>
            <a:fillRect/>
          </a:stretch>
        </p:blipFill>
        <p:spPr bwMode="auto">
          <a:xfrm>
            <a:off x="381000" y="3429000"/>
            <a:ext cx="2438400" cy="3086582"/>
          </a:xfrm>
          <a:prstGeom prst="rect">
            <a:avLst/>
          </a:prstGeom>
          <a:noFill/>
        </p:spPr>
      </p:pic>
      <p:pic>
        <p:nvPicPr>
          <p:cNvPr id="8" name="Picture 7" descr="http://www.thedailyplanner.com/images/Spare_Pencil_Blck.jpg"/>
          <p:cNvPicPr>
            <a:picLocks noChangeAspect="1" noChangeArrowheads="1"/>
          </p:cNvPicPr>
          <p:nvPr/>
        </p:nvPicPr>
        <p:blipFill>
          <a:blip r:embed="rId6"/>
          <a:srcRect/>
          <a:stretch>
            <a:fillRect/>
          </a:stretch>
        </p:blipFill>
        <p:spPr bwMode="auto">
          <a:xfrm>
            <a:off x="3276600" y="3886200"/>
            <a:ext cx="2209800" cy="2209800"/>
          </a:xfrm>
          <a:prstGeom prst="rect">
            <a:avLst/>
          </a:prstGeom>
          <a:noFill/>
        </p:spPr>
      </p:pic>
      <p:pic>
        <p:nvPicPr>
          <p:cNvPr id="9" name="Picture 5" descr="http://www.vansciverbobbinlace.com/Carrickmacross%20Scissors.jpg"/>
          <p:cNvPicPr>
            <a:picLocks noChangeAspect="1" noChangeArrowheads="1"/>
          </p:cNvPicPr>
          <p:nvPr/>
        </p:nvPicPr>
        <p:blipFill>
          <a:blip r:embed="rId7"/>
          <a:srcRect/>
          <a:stretch>
            <a:fillRect/>
          </a:stretch>
        </p:blipFill>
        <p:spPr bwMode="auto">
          <a:xfrm>
            <a:off x="5334000" y="4343400"/>
            <a:ext cx="3190319" cy="1613390"/>
          </a:xfrm>
          <a:prstGeom prst="rect">
            <a:avLst/>
          </a:prstGeom>
          <a:noFill/>
        </p:spPr>
      </p:pic>
      <p:sp>
        <p:nvSpPr>
          <p:cNvPr id="10" name="Rectangle 9"/>
          <p:cNvSpPr/>
          <p:nvPr/>
        </p:nvSpPr>
        <p:spPr>
          <a:xfrm>
            <a:off x="3657600" y="6019800"/>
            <a:ext cx="4421402" cy="646331"/>
          </a:xfrm>
          <a:prstGeom prst="rect">
            <a:avLst/>
          </a:prstGeom>
        </p:spPr>
        <p:txBody>
          <a:bodyPr wrap="none">
            <a:spAutoFit/>
          </a:bodyPr>
          <a:lstStyle/>
          <a:p>
            <a:pPr algn="ctr">
              <a:buNone/>
            </a:pPr>
            <a:r>
              <a:rPr lang="en-US" dirty="0" smtClean="0"/>
              <a:t>Cut out the school supplies and the backpack</a:t>
            </a:r>
          </a:p>
          <a:p>
            <a:pPr algn="ctr">
              <a:buNone/>
            </a:pPr>
            <a:r>
              <a:rPr lang="en-US" dirty="0" smtClean="0"/>
              <a:t>(put the items on the backpack as you sing )</a:t>
            </a:r>
            <a:endParaRPr lang="en-US" dirty="0" smtClean="0"/>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3556" name="Group 4"/>
          <p:cNvGrpSpPr>
            <a:grpSpLocks noChangeAspect="1"/>
          </p:cNvGrpSpPr>
          <p:nvPr/>
        </p:nvGrpSpPr>
        <p:grpSpPr bwMode="auto">
          <a:xfrm>
            <a:off x="1447800" y="-660400"/>
            <a:ext cx="6248400" cy="7518400"/>
            <a:chOff x="1152" y="-416"/>
            <a:chExt cx="3936" cy="4736"/>
          </a:xfrm>
        </p:grpSpPr>
        <p:sp>
          <p:nvSpPr>
            <p:cNvPr id="23555" name="AutoShape 3"/>
            <p:cNvSpPr>
              <a:spLocks noChangeAspect="1" noChangeArrowheads="1" noTextEdit="1"/>
            </p:cNvSpPr>
            <p:nvPr/>
          </p:nvSpPr>
          <p:spPr bwMode="auto">
            <a:xfrm rot="10800000" flipH="1">
              <a:off x="1152" y="-416"/>
              <a:ext cx="3936" cy="4736"/>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57" name="Freeform 5"/>
            <p:cNvSpPr>
              <a:spLocks/>
            </p:cNvSpPr>
            <p:nvPr/>
          </p:nvSpPr>
          <p:spPr bwMode="auto">
            <a:xfrm>
              <a:off x="3971" y="981"/>
              <a:ext cx="581" cy="2416"/>
            </a:xfrm>
            <a:custGeom>
              <a:avLst/>
              <a:gdLst/>
              <a:ahLst/>
              <a:cxnLst>
                <a:cxn ang="0">
                  <a:pos x="0" y="212"/>
                </a:cxn>
                <a:cxn ang="0">
                  <a:pos x="87" y="212"/>
                </a:cxn>
                <a:cxn ang="0">
                  <a:pos x="239" y="315"/>
                </a:cxn>
                <a:cxn ang="0">
                  <a:pos x="277" y="1090"/>
                </a:cxn>
                <a:cxn ang="0">
                  <a:pos x="349" y="1812"/>
                </a:cxn>
                <a:cxn ang="0">
                  <a:pos x="315" y="2047"/>
                </a:cxn>
                <a:cxn ang="0">
                  <a:pos x="159" y="2207"/>
                </a:cxn>
                <a:cxn ang="0">
                  <a:pos x="190" y="2416"/>
                </a:cxn>
                <a:cxn ang="0">
                  <a:pos x="566" y="2218"/>
                </a:cxn>
                <a:cxn ang="0">
                  <a:pos x="581" y="1751"/>
                </a:cxn>
                <a:cxn ang="0">
                  <a:pos x="554" y="364"/>
                </a:cxn>
                <a:cxn ang="0">
                  <a:pos x="353" y="76"/>
                </a:cxn>
                <a:cxn ang="0">
                  <a:pos x="4" y="0"/>
                </a:cxn>
                <a:cxn ang="0">
                  <a:pos x="0" y="212"/>
                </a:cxn>
                <a:cxn ang="0">
                  <a:pos x="0" y="212"/>
                </a:cxn>
              </a:cxnLst>
              <a:rect l="0" t="0" r="r" b="b"/>
              <a:pathLst>
                <a:path w="581" h="2416">
                  <a:moveTo>
                    <a:pt x="0" y="212"/>
                  </a:moveTo>
                  <a:lnTo>
                    <a:pt x="87" y="212"/>
                  </a:lnTo>
                  <a:lnTo>
                    <a:pt x="239" y="315"/>
                  </a:lnTo>
                  <a:lnTo>
                    <a:pt x="277" y="1090"/>
                  </a:lnTo>
                  <a:lnTo>
                    <a:pt x="349" y="1812"/>
                  </a:lnTo>
                  <a:lnTo>
                    <a:pt x="315" y="2047"/>
                  </a:lnTo>
                  <a:lnTo>
                    <a:pt x="159" y="2207"/>
                  </a:lnTo>
                  <a:lnTo>
                    <a:pt x="190" y="2416"/>
                  </a:lnTo>
                  <a:lnTo>
                    <a:pt x="566" y="2218"/>
                  </a:lnTo>
                  <a:lnTo>
                    <a:pt x="581" y="1751"/>
                  </a:lnTo>
                  <a:lnTo>
                    <a:pt x="554" y="364"/>
                  </a:lnTo>
                  <a:lnTo>
                    <a:pt x="353" y="76"/>
                  </a:lnTo>
                  <a:lnTo>
                    <a:pt x="4" y="0"/>
                  </a:lnTo>
                  <a:lnTo>
                    <a:pt x="0" y="212"/>
                  </a:lnTo>
                  <a:lnTo>
                    <a:pt x="0" y="212"/>
                  </a:lnTo>
                  <a:close/>
                </a:path>
              </a:pathLst>
            </a:custGeom>
            <a:solidFill>
              <a:srgbClr val="638091"/>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58" name="Freeform 6"/>
            <p:cNvSpPr>
              <a:spLocks/>
            </p:cNvSpPr>
            <p:nvPr/>
          </p:nvSpPr>
          <p:spPr bwMode="auto">
            <a:xfrm>
              <a:off x="2991" y="111"/>
              <a:ext cx="383" cy="569"/>
            </a:xfrm>
            <a:custGeom>
              <a:avLst/>
              <a:gdLst/>
              <a:ahLst/>
              <a:cxnLst>
                <a:cxn ang="0">
                  <a:pos x="0" y="22"/>
                </a:cxn>
                <a:cxn ang="0">
                  <a:pos x="201" y="110"/>
                </a:cxn>
                <a:cxn ang="0">
                  <a:pos x="220" y="224"/>
                </a:cxn>
                <a:cxn ang="0">
                  <a:pos x="41" y="528"/>
                </a:cxn>
                <a:cxn ang="0">
                  <a:pos x="216" y="569"/>
                </a:cxn>
                <a:cxn ang="0">
                  <a:pos x="383" y="159"/>
                </a:cxn>
                <a:cxn ang="0">
                  <a:pos x="361" y="22"/>
                </a:cxn>
                <a:cxn ang="0">
                  <a:pos x="239" y="0"/>
                </a:cxn>
                <a:cxn ang="0">
                  <a:pos x="0" y="22"/>
                </a:cxn>
                <a:cxn ang="0">
                  <a:pos x="0" y="22"/>
                </a:cxn>
              </a:cxnLst>
              <a:rect l="0" t="0" r="r" b="b"/>
              <a:pathLst>
                <a:path w="383" h="569">
                  <a:moveTo>
                    <a:pt x="0" y="22"/>
                  </a:moveTo>
                  <a:lnTo>
                    <a:pt x="201" y="110"/>
                  </a:lnTo>
                  <a:lnTo>
                    <a:pt x="220" y="224"/>
                  </a:lnTo>
                  <a:lnTo>
                    <a:pt x="41" y="528"/>
                  </a:lnTo>
                  <a:lnTo>
                    <a:pt x="216" y="569"/>
                  </a:lnTo>
                  <a:lnTo>
                    <a:pt x="383" y="159"/>
                  </a:lnTo>
                  <a:lnTo>
                    <a:pt x="361" y="22"/>
                  </a:lnTo>
                  <a:lnTo>
                    <a:pt x="239" y="0"/>
                  </a:lnTo>
                  <a:lnTo>
                    <a:pt x="0" y="22"/>
                  </a:lnTo>
                  <a:lnTo>
                    <a:pt x="0" y="22"/>
                  </a:lnTo>
                  <a:close/>
                </a:path>
              </a:pathLst>
            </a:custGeom>
            <a:solidFill>
              <a:srgbClr val="638091"/>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59" name="Freeform 7"/>
            <p:cNvSpPr>
              <a:spLocks/>
            </p:cNvSpPr>
            <p:nvPr/>
          </p:nvSpPr>
          <p:spPr bwMode="auto">
            <a:xfrm>
              <a:off x="2820" y="126"/>
              <a:ext cx="330" cy="513"/>
            </a:xfrm>
            <a:custGeom>
              <a:avLst/>
              <a:gdLst/>
              <a:ahLst/>
              <a:cxnLst>
                <a:cxn ang="0">
                  <a:pos x="258" y="421"/>
                </a:cxn>
                <a:cxn ang="0">
                  <a:pos x="148" y="163"/>
                </a:cxn>
                <a:cxn ang="0">
                  <a:pos x="159" y="110"/>
                </a:cxn>
                <a:cxn ang="0">
                  <a:pos x="330" y="83"/>
                </a:cxn>
                <a:cxn ang="0">
                  <a:pos x="144" y="0"/>
                </a:cxn>
                <a:cxn ang="0">
                  <a:pos x="49" y="42"/>
                </a:cxn>
                <a:cxn ang="0">
                  <a:pos x="23" y="106"/>
                </a:cxn>
                <a:cxn ang="0">
                  <a:pos x="0" y="205"/>
                </a:cxn>
                <a:cxn ang="0">
                  <a:pos x="49" y="338"/>
                </a:cxn>
                <a:cxn ang="0">
                  <a:pos x="163" y="513"/>
                </a:cxn>
                <a:cxn ang="0">
                  <a:pos x="258" y="421"/>
                </a:cxn>
                <a:cxn ang="0">
                  <a:pos x="258" y="421"/>
                </a:cxn>
              </a:cxnLst>
              <a:rect l="0" t="0" r="r" b="b"/>
              <a:pathLst>
                <a:path w="330" h="513">
                  <a:moveTo>
                    <a:pt x="258" y="421"/>
                  </a:moveTo>
                  <a:lnTo>
                    <a:pt x="148" y="163"/>
                  </a:lnTo>
                  <a:lnTo>
                    <a:pt x="159" y="110"/>
                  </a:lnTo>
                  <a:lnTo>
                    <a:pt x="330" y="83"/>
                  </a:lnTo>
                  <a:lnTo>
                    <a:pt x="144" y="0"/>
                  </a:lnTo>
                  <a:lnTo>
                    <a:pt x="49" y="42"/>
                  </a:lnTo>
                  <a:lnTo>
                    <a:pt x="23" y="106"/>
                  </a:lnTo>
                  <a:lnTo>
                    <a:pt x="0" y="205"/>
                  </a:lnTo>
                  <a:lnTo>
                    <a:pt x="49" y="338"/>
                  </a:lnTo>
                  <a:lnTo>
                    <a:pt x="163" y="513"/>
                  </a:lnTo>
                  <a:lnTo>
                    <a:pt x="258" y="421"/>
                  </a:lnTo>
                  <a:lnTo>
                    <a:pt x="258" y="421"/>
                  </a:lnTo>
                  <a:close/>
                </a:path>
              </a:pathLst>
            </a:custGeom>
            <a:solidFill>
              <a:srgbClr val="4A697A"/>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0" name="Freeform 8"/>
            <p:cNvSpPr>
              <a:spLocks/>
            </p:cNvSpPr>
            <p:nvPr/>
          </p:nvSpPr>
          <p:spPr bwMode="auto">
            <a:xfrm>
              <a:off x="3409" y="703"/>
              <a:ext cx="721" cy="3351"/>
            </a:xfrm>
            <a:custGeom>
              <a:avLst/>
              <a:gdLst/>
              <a:ahLst/>
              <a:cxnLst>
                <a:cxn ang="0">
                  <a:pos x="246" y="243"/>
                </a:cxn>
                <a:cxn ang="0">
                  <a:pos x="246" y="243"/>
                </a:cxn>
                <a:cxn ang="0">
                  <a:pos x="254" y="240"/>
                </a:cxn>
                <a:cxn ang="0">
                  <a:pos x="262" y="232"/>
                </a:cxn>
                <a:cxn ang="0">
                  <a:pos x="273" y="224"/>
                </a:cxn>
                <a:cxn ang="0">
                  <a:pos x="281" y="217"/>
                </a:cxn>
                <a:cxn ang="0">
                  <a:pos x="284" y="213"/>
                </a:cxn>
                <a:cxn ang="0">
                  <a:pos x="292" y="205"/>
                </a:cxn>
                <a:cxn ang="0">
                  <a:pos x="303" y="202"/>
                </a:cxn>
                <a:cxn ang="0">
                  <a:pos x="307" y="194"/>
                </a:cxn>
                <a:cxn ang="0">
                  <a:pos x="319" y="190"/>
                </a:cxn>
                <a:cxn ang="0">
                  <a:pos x="326" y="183"/>
                </a:cxn>
                <a:cxn ang="0">
                  <a:pos x="338" y="179"/>
                </a:cxn>
                <a:cxn ang="0">
                  <a:pos x="345" y="171"/>
                </a:cxn>
                <a:cxn ang="0">
                  <a:pos x="353" y="164"/>
                </a:cxn>
                <a:cxn ang="0">
                  <a:pos x="360" y="156"/>
                </a:cxn>
                <a:cxn ang="0">
                  <a:pos x="372" y="148"/>
                </a:cxn>
                <a:cxn ang="0">
                  <a:pos x="379" y="141"/>
                </a:cxn>
                <a:cxn ang="0">
                  <a:pos x="387" y="137"/>
                </a:cxn>
                <a:cxn ang="0">
                  <a:pos x="395" y="133"/>
                </a:cxn>
                <a:cxn ang="0">
                  <a:pos x="406" y="126"/>
                </a:cxn>
                <a:cxn ang="0">
                  <a:pos x="410" y="118"/>
                </a:cxn>
                <a:cxn ang="0">
                  <a:pos x="417" y="114"/>
                </a:cxn>
                <a:cxn ang="0">
                  <a:pos x="425" y="110"/>
                </a:cxn>
                <a:cxn ang="0">
                  <a:pos x="433" y="107"/>
                </a:cxn>
                <a:cxn ang="0">
                  <a:pos x="440" y="99"/>
                </a:cxn>
                <a:cxn ang="0">
                  <a:pos x="448" y="95"/>
                </a:cxn>
                <a:cxn ang="0">
                  <a:pos x="452" y="88"/>
                </a:cxn>
                <a:cxn ang="0">
                  <a:pos x="455" y="84"/>
                </a:cxn>
                <a:cxn ang="0">
                  <a:pos x="459" y="76"/>
                </a:cxn>
                <a:cxn ang="0">
                  <a:pos x="463" y="69"/>
                </a:cxn>
                <a:cxn ang="0">
                  <a:pos x="463" y="61"/>
                </a:cxn>
                <a:cxn ang="0">
                  <a:pos x="467" y="53"/>
                </a:cxn>
                <a:cxn ang="0">
                  <a:pos x="471" y="46"/>
                </a:cxn>
                <a:cxn ang="0">
                  <a:pos x="474" y="38"/>
                </a:cxn>
                <a:cxn ang="0">
                  <a:pos x="474" y="31"/>
                </a:cxn>
                <a:cxn ang="0">
                  <a:pos x="478" y="23"/>
                </a:cxn>
                <a:cxn ang="0">
                  <a:pos x="478" y="15"/>
                </a:cxn>
                <a:cxn ang="0">
                  <a:pos x="482" y="12"/>
                </a:cxn>
                <a:cxn ang="0">
                  <a:pos x="482" y="4"/>
                </a:cxn>
                <a:cxn ang="0">
                  <a:pos x="486" y="0"/>
                </a:cxn>
                <a:cxn ang="0">
                  <a:pos x="585" y="186"/>
                </a:cxn>
                <a:cxn ang="0">
                  <a:pos x="615" y="365"/>
                </a:cxn>
                <a:cxn ang="0">
                  <a:pos x="569" y="597"/>
                </a:cxn>
                <a:cxn ang="0">
                  <a:pos x="539" y="1436"/>
                </a:cxn>
                <a:cxn ang="0">
                  <a:pos x="607" y="2067"/>
                </a:cxn>
                <a:cxn ang="0">
                  <a:pos x="721" y="2648"/>
                </a:cxn>
                <a:cxn ang="0">
                  <a:pos x="683" y="2979"/>
                </a:cxn>
                <a:cxn ang="0">
                  <a:pos x="539" y="3165"/>
                </a:cxn>
                <a:cxn ang="0">
                  <a:pos x="171" y="3351"/>
                </a:cxn>
                <a:cxn ang="0">
                  <a:pos x="0" y="775"/>
                </a:cxn>
                <a:cxn ang="0">
                  <a:pos x="246" y="243"/>
                </a:cxn>
                <a:cxn ang="0">
                  <a:pos x="246" y="243"/>
                </a:cxn>
              </a:cxnLst>
              <a:rect l="0" t="0" r="r" b="b"/>
              <a:pathLst>
                <a:path w="721" h="3351">
                  <a:moveTo>
                    <a:pt x="246" y="243"/>
                  </a:moveTo>
                  <a:lnTo>
                    <a:pt x="246" y="243"/>
                  </a:lnTo>
                  <a:lnTo>
                    <a:pt x="254" y="240"/>
                  </a:lnTo>
                  <a:lnTo>
                    <a:pt x="262" y="232"/>
                  </a:lnTo>
                  <a:lnTo>
                    <a:pt x="273" y="224"/>
                  </a:lnTo>
                  <a:lnTo>
                    <a:pt x="281" y="217"/>
                  </a:lnTo>
                  <a:lnTo>
                    <a:pt x="284" y="213"/>
                  </a:lnTo>
                  <a:lnTo>
                    <a:pt x="292" y="205"/>
                  </a:lnTo>
                  <a:lnTo>
                    <a:pt x="303" y="202"/>
                  </a:lnTo>
                  <a:lnTo>
                    <a:pt x="307" y="194"/>
                  </a:lnTo>
                  <a:lnTo>
                    <a:pt x="319" y="190"/>
                  </a:lnTo>
                  <a:lnTo>
                    <a:pt x="326" y="183"/>
                  </a:lnTo>
                  <a:lnTo>
                    <a:pt x="338" y="179"/>
                  </a:lnTo>
                  <a:lnTo>
                    <a:pt x="345" y="171"/>
                  </a:lnTo>
                  <a:lnTo>
                    <a:pt x="353" y="164"/>
                  </a:lnTo>
                  <a:lnTo>
                    <a:pt x="360" y="156"/>
                  </a:lnTo>
                  <a:lnTo>
                    <a:pt x="372" y="148"/>
                  </a:lnTo>
                  <a:lnTo>
                    <a:pt x="379" y="141"/>
                  </a:lnTo>
                  <a:lnTo>
                    <a:pt x="387" y="137"/>
                  </a:lnTo>
                  <a:lnTo>
                    <a:pt x="395" y="133"/>
                  </a:lnTo>
                  <a:lnTo>
                    <a:pt x="406" y="126"/>
                  </a:lnTo>
                  <a:lnTo>
                    <a:pt x="410" y="118"/>
                  </a:lnTo>
                  <a:lnTo>
                    <a:pt x="417" y="114"/>
                  </a:lnTo>
                  <a:lnTo>
                    <a:pt x="425" y="110"/>
                  </a:lnTo>
                  <a:lnTo>
                    <a:pt x="433" y="107"/>
                  </a:lnTo>
                  <a:lnTo>
                    <a:pt x="440" y="99"/>
                  </a:lnTo>
                  <a:lnTo>
                    <a:pt x="448" y="95"/>
                  </a:lnTo>
                  <a:lnTo>
                    <a:pt x="452" y="88"/>
                  </a:lnTo>
                  <a:lnTo>
                    <a:pt x="455" y="84"/>
                  </a:lnTo>
                  <a:lnTo>
                    <a:pt x="459" y="76"/>
                  </a:lnTo>
                  <a:lnTo>
                    <a:pt x="463" y="69"/>
                  </a:lnTo>
                  <a:lnTo>
                    <a:pt x="463" y="61"/>
                  </a:lnTo>
                  <a:lnTo>
                    <a:pt x="467" y="53"/>
                  </a:lnTo>
                  <a:lnTo>
                    <a:pt x="471" y="46"/>
                  </a:lnTo>
                  <a:lnTo>
                    <a:pt x="474" y="38"/>
                  </a:lnTo>
                  <a:lnTo>
                    <a:pt x="474" y="31"/>
                  </a:lnTo>
                  <a:lnTo>
                    <a:pt x="478" y="23"/>
                  </a:lnTo>
                  <a:lnTo>
                    <a:pt x="478" y="15"/>
                  </a:lnTo>
                  <a:lnTo>
                    <a:pt x="482" y="12"/>
                  </a:lnTo>
                  <a:lnTo>
                    <a:pt x="482" y="4"/>
                  </a:lnTo>
                  <a:lnTo>
                    <a:pt x="486" y="0"/>
                  </a:lnTo>
                  <a:lnTo>
                    <a:pt x="585" y="186"/>
                  </a:lnTo>
                  <a:lnTo>
                    <a:pt x="615" y="365"/>
                  </a:lnTo>
                  <a:lnTo>
                    <a:pt x="569" y="597"/>
                  </a:lnTo>
                  <a:lnTo>
                    <a:pt x="539" y="1436"/>
                  </a:lnTo>
                  <a:lnTo>
                    <a:pt x="607" y="2067"/>
                  </a:lnTo>
                  <a:lnTo>
                    <a:pt x="721" y="2648"/>
                  </a:lnTo>
                  <a:lnTo>
                    <a:pt x="683" y="2979"/>
                  </a:lnTo>
                  <a:lnTo>
                    <a:pt x="539" y="3165"/>
                  </a:lnTo>
                  <a:lnTo>
                    <a:pt x="171" y="3351"/>
                  </a:lnTo>
                  <a:lnTo>
                    <a:pt x="0" y="775"/>
                  </a:lnTo>
                  <a:lnTo>
                    <a:pt x="246" y="243"/>
                  </a:lnTo>
                  <a:lnTo>
                    <a:pt x="246" y="243"/>
                  </a:lnTo>
                  <a:close/>
                </a:path>
              </a:pathLst>
            </a:custGeom>
            <a:solidFill>
              <a:srgbClr val="AD3333"/>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1" name="Freeform 9"/>
            <p:cNvSpPr>
              <a:spLocks/>
            </p:cNvSpPr>
            <p:nvPr/>
          </p:nvSpPr>
          <p:spPr bwMode="auto">
            <a:xfrm>
              <a:off x="1262" y="502"/>
              <a:ext cx="2686" cy="3731"/>
            </a:xfrm>
            <a:custGeom>
              <a:avLst/>
              <a:gdLst/>
              <a:ahLst/>
              <a:cxnLst>
                <a:cxn ang="0">
                  <a:pos x="1368" y="7"/>
                </a:cxn>
                <a:cxn ang="0">
                  <a:pos x="1717" y="80"/>
                </a:cxn>
                <a:cxn ang="0">
                  <a:pos x="1793" y="95"/>
                </a:cxn>
                <a:cxn ang="0">
                  <a:pos x="1843" y="125"/>
                </a:cxn>
                <a:cxn ang="0">
                  <a:pos x="1957" y="110"/>
                </a:cxn>
                <a:cxn ang="0">
                  <a:pos x="2488" y="140"/>
                </a:cxn>
                <a:cxn ang="0">
                  <a:pos x="2686" y="239"/>
                </a:cxn>
                <a:cxn ang="0">
                  <a:pos x="2621" y="308"/>
                </a:cxn>
                <a:cxn ang="0">
                  <a:pos x="2466" y="384"/>
                </a:cxn>
                <a:cxn ang="0">
                  <a:pos x="2340" y="543"/>
                </a:cxn>
                <a:cxn ang="0">
                  <a:pos x="2185" y="934"/>
                </a:cxn>
                <a:cxn ang="0">
                  <a:pos x="2204" y="1398"/>
                </a:cxn>
                <a:cxn ang="0">
                  <a:pos x="2295" y="1998"/>
                </a:cxn>
                <a:cxn ang="0">
                  <a:pos x="2393" y="2595"/>
                </a:cxn>
                <a:cxn ang="0">
                  <a:pos x="2447" y="3016"/>
                </a:cxn>
                <a:cxn ang="0">
                  <a:pos x="2412" y="3279"/>
                </a:cxn>
                <a:cxn ang="0">
                  <a:pos x="2295" y="3567"/>
                </a:cxn>
                <a:cxn ang="0">
                  <a:pos x="1751" y="3731"/>
                </a:cxn>
                <a:cxn ang="0">
                  <a:pos x="1068" y="3685"/>
                </a:cxn>
                <a:cxn ang="0">
                  <a:pos x="669" y="3594"/>
                </a:cxn>
                <a:cxn ang="0">
                  <a:pos x="407" y="3506"/>
                </a:cxn>
                <a:cxn ang="0">
                  <a:pos x="194" y="3370"/>
                </a:cxn>
                <a:cxn ang="0">
                  <a:pos x="19" y="3111"/>
                </a:cxn>
                <a:cxn ang="0">
                  <a:pos x="0" y="2872"/>
                </a:cxn>
                <a:cxn ang="0">
                  <a:pos x="152" y="2409"/>
                </a:cxn>
                <a:cxn ang="0">
                  <a:pos x="175" y="2032"/>
                </a:cxn>
                <a:cxn ang="0">
                  <a:pos x="247" y="1877"/>
                </a:cxn>
                <a:cxn ang="0">
                  <a:pos x="399" y="1675"/>
                </a:cxn>
                <a:cxn ang="0">
                  <a:pos x="323" y="1584"/>
                </a:cxn>
                <a:cxn ang="0">
                  <a:pos x="293" y="1470"/>
                </a:cxn>
                <a:cxn ang="0">
                  <a:pos x="486" y="1178"/>
                </a:cxn>
                <a:cxn ang="0">
                  <a:pos x="562" y="942"/>
                </a:cxn>
                <a:cxn ang="0">
                  <a:pos x="669" y="555"/>
                </a:cxn>
                <a:cxn ang="0">
                  <a:pos x="817" y="300"/>
                </a:cxn>
                <a:cxn ang="0">
                  <a:pos x="961" y="125"/>
                </a:cxn>
                <a:cxn ang="0">
                  <a:pos x="1216" y="0"/>
                </a:cxn>
                <a:cxn ang="0">
                  <a:pos x="1368" y="7"/>
                </a:cxn>
                <a:cxn ang="0">
                  <a:pos x="1368" y="7"/>
                </a:cxn>
              </a:cxnLst>
              <a:rect l="0" t="0" r="r" b="b"/>
              <a:pathLst>
                <a:path w="2686" h="3731">
                  <a:moveTo>
                    <a:pt x="1368" y="7"/>
                  </a:moveTo>
                  <a:lnTo>
                    <a:pt x="1717" y="80"/>
                  </a:lnTo>
                  <a:lnTo>
                    <a:pt x="1793" y="95"/>
                  </a:lnTo>
                  <a:lnTo>
                    <a:pt x="1843" y="125"/>
                  </a:lnTo>
                  <a:lnTo>
                    <a:pt x="1957" y="110"/>
                  </a:lnTo>
                  <a:lnTo>
                    <a:pt x="2488" y="140"/>
                  </a:lnTo>
                  <a:lnTo>
                    <a:pt x="2686" y="239"/>
                  </a:lnTo>
                  <a:lnTo>
                    <a:pt x="2621" y="308"/>
                  </a:lnTo>
                  <a:lnTo>
                    <a:pt x="2466" y="384"/>
                  </a:lnTo>
                  <a:lnTo>
                    <a:pt x="2340" y="543"/>
                  </a:lnTo>
                  <a:lnTo>
                    <a:pt x="2185" y="934"/>
                  </a:lnTo>
                  <a:lnTo>
                    <a:pt x="2204" y="1398"/>
                  </a:lnTo>
                  <a:lnTo>
                    <a:pt x="2295" y="1998"/>
                  </a:lnTo>
                  <a:lnTo>
                    <a:pt x="2393" y="2595"/>
                  </a:lnTo>
                  <a:lnTo>
                    <a:pt x="2447" y="3016"/>
                  </a:lnTo>
                  <a:lnTo>
                    <a:pt x="2412" y="3279"/>
                  </a:lnTo>
                  <a:lnTo>
                    <a:pt x="2295" y="3567"/>
                  </a:lnTo>
                  <a:lnTo>
                    <a:pt x="1751" y="3731"/>
                  </a:lnTo>
                  <a:lnTo>
                    <a:pt x="1068" y="3685"/>
                  </a:lnTo>
                  <a:lnTo>
                    <a:pt x="669" y="3594"/>
                  </a:lnTo>
                  <a:lnTo>
                    <a:pt x="407" y="3506"/>
                  </a:lnTo>
                  <a:lnTo>
                    <a:pt x="194" y="3370"/>
                  </a:lnTo>
                  <a:lnTo>
                    <a:pt x="19" y="3111"/>
                  </a:lnTo>
                  <a:lnTo>
                    <a:pt x="0" y="2872"/>
                  </a:lnTo>
                  <a:lnTo>
                    <a:pt x="152" y="2409"/>
                  </a:lnTo>
                  <a:lnTo>
                    <a:pt x="175" y="2032"/>
                  </a:lnTo>
                  <a:lnTo>
                    <a:pt x="247" y="1877"/>
                  </a:lnTo>
                  <a:lnTo>
                    <a:pt x="399" y="1675"/>
                  </a:lnTo>
                  <a:lnTo>
                    <a:pt x="323" y="1584"/>
                  </a:lnTo>
                  <a:lnTo>
                    <a:pt x="293" y="1470"/>
                  </a:lnTo>
                  <a:lnTo>
                    <a:pt x="486" y="1178"/>
                  </a:lnTo>
                  <a:lnTo>
                    <a:pt x="562" y="942"/>
                  </a:lnTo>
                  <a:lnTo>
                    <a:pt x="669" y="555"/>
                  </a:lnTo>
                  <a:lnTo>
                    <a:pt x="817" y="300"/>
                  </a:lnTo>
                  <a:lnTo>
                    <a:pt x="961" y="125"/>
                  </a:lnTo>
                  <a:lnTo>
                    <a:pt x="1216" y="0"/>
                  </a:lnTo>
                  <a:lnTo>
                    <a:pt x="1368" y="7"/>
                  </a:lnTo>
                  <a:lnTo>
                    <a:pt x="1368" y="7"/>
                  </a:lnTo>
                  <a:close/>
                </a:path>
              </a:pathLst>
            </a:custGeom>
            <a:solidFill>
              <a:srgbClr val="BD5C5C"/>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2" name="Freeform 10"/>
            <p:cNvSpPr>
              <a:spLocks/>
            </p:cNvSpPr>
            <p:nvPr/>
          </p:nvSpPr>
          <p:spPr bwMode="auto">
            <a:xfrm>
              <a:off x="2451" y="1398"/>
              <a:ext cx="1072" cy="1148"/>
            </a:xfrm>
            <a:custGeom>
              <a:avLst/>
              <a:gdLst/>
              <a:ahLst/>
              <a:cxnLst>
                <a:cxn ang="0">
                  <a:pos x="80" y="1060"/>
                </a:cxn>
                <a:cxn ang="0">
                  <a:pos x="107" y="1072"/>
                </a:cxn>
                <a:cxn ang="0">
                  <a:pos x="126" y="1079"/>
                </a:cxn>
                <a:cxn ang="0">
                  <a:pos x="145" y="1087"/>
                </a:cxn>
                <a:cxn ang="0">
                  <a:pos x="175" y="1095"/>
                </a:cxn>
                <a:cxn ang="0">
                  <a:pos x="209" y="1106"/>
                </a:cxn>
                <a:cxn ang="0">
                  <a:pos x="240" y="1114"/>
                </a:cxn>
                <a:cxn ang="0">
                  <a:pos x="262" y="1117"/>
                </a:cxn>
                <a:cxn ang="0">
                  <a:pos x="281" y="1121"/>
                </a:cxn>
                <a:cxn ang="0">
                  <a:pos x="308" y="1129"/>
                </a:cxn>
                <a:cxn ang="0">
                  <a:pos x="335" y="1133"/>
                </a:cxn>
                <a:cxn ang="0">
                  <a:pos x="361" y="1136"/>
                </a:cxn>
                <a:cxn ang="0">
                  <a:pos x="392" y="1140"/>
                </a:cxn>
                <a:cxn ang="0">
                  <a:pos x="422" y="1144"/>
                </a:cxn>
                <a:cxn ang="0">
                  <a:pos x="456" y="1144"/>
                </a:cxn>
                <a:cxn ang="0">
                  <a:pos x="494" y="1148"/>
                </a:cxn>
                <a:cxn ang="0">
                  <a:pos x="528" y="1148"/>
                </a:cxn>
                <a:cxn ang="0">
                  <a:pos x="566" y="1148"/>
                </a:cxn>
                <a:cxn ang="0">
                  <a:pos x="600" y="1148"/>
                </a:cxn>
                <a:cxn ang="0">
                  <a:pos x="638" y="1144"/>
                </a:cxn>
                <a:cxn ang="0">
                  <a:pos x="676" y="1144"/>
                </a:cxn>
                <a:cxn ang="0">
                  <a:pos x="711" y="1140"/>
                </a:cxn>
                <a:cxn ang="0">
                  <a:pos x="745" y="1133"/>
                </a:cxn>
                <a:cxn ang="0">
                  <a:pos x="779" y="1129"/>
                </a:cxn>
                <a:cxn ang="0">
                  <a:pos x="813" y="1125"/>
                </a:cxn>
                <a:cxn ang="0">
                  <a:pos x="844" y="1117"/>
                </a:cxn>
                <a:cxn ang="0">
                  <a:pos x="870" y="1110"/>
                </a:cxn>
                <a:cxn ang="0">
                  <a:pos x="897" y="1102"/>
                </a:cxn>
                <a:cxn ang="0">
                  <a:pos x="920" y="1091"/>
                </a:cxn>
                <a:cxn ang="0">
                  <a:pos x="950" y="1076"/>
                </a:cxn>
                <a:cxn ang="0">
                  <a:pos x="973" y="1053"/>
                </a:cxn>
                <a:cxn ang="0">
                  <a:pos x="984" y="1022"/>
                </a:cxn>
                <a:cxn ang="0">
                  <a:pos x="996" y="992"/>
                </a:cxn>
                <a:cxn ang="0">
                  <a:pos x="1003" y="962"/>
                </a:cxn>
                <a:cxn ang="0">
                  <a:pos x="1003" y="927"/>
                </a:cxn>
                <a:cxn ang="0">
                  <a:pos x="1007" y="893"/>
                </a:cxn>
                <a:cxn ang="0">
                  <a:pos x="1003" y="859"/>
                </a:cxn>
                <a:cxn ang="0">
                  <a:pos x="999" y="821"/>
                </a:cxn>
                <a:cxn ang="0">
                  <a:pos x="996" y="783"/>
                </a:cxn>
                <a:cxn ang="0">
                  <a:pos x="992" y="745"/>
                </a:cxn>
                <a:cxn ang="0">
                  <a:pos x="988" y="707"/>
                </a:cxn>
                <a:cxn ang="0">
                  <a:pos x="988" y="673"/>
                </a:cxn>
                <a:cxn ang="0">
                  <a:pos x="988" y="635"/>
                </a:cxn>
                <a:cxn ang="0">
                  <a:pos x="996" y="601"/>
                </a:cxn>
                <a:cxn ang="0">
                  <a:pos x="1007" y="567"/>
                </a:cxn>
                <a:cxn ang="0">
                  <a:pos x="1018" y="536"/>
                </a:cxn>
                <a:cxn ang="0">
                  <a:pos x="1030" y="506"/>
                </a:cxn>
                <a:cxn ang="0">
                  <a:pos x="1041" y="483"/>
                </a:cxn>
                <a:cxn ang="0">
                  <a:pos x="1053" y="460"/>
                </a:cxn>
                <a:cxn ang="0">
                  <a:pos x="1068" y="441"/>
                </a:cxn>
                <a:cxn ang="0">
                  <a:pos x="999" y="0"/>
                </a:cxn>
                <a:cxn ang="0">
                  <a:pos x="874" y="927"/>
                </a:cxn>
                <a:cxn ang="0">
                  <a:pos x="8" y="981"/>
                </a:cxn>
              </a:cxnLst>
              <a:rect l="0" t="0" r="r" b="b"/>
              <a:pathLst>
                <a:path w="1072" h="1148">
                  <a:moveTo>
                    <a:pt x="0" y="1106"/>
                  </a:moveTo>
                  <a:lnTo>
                    <a:pt x="76" y="1060"/>
                  </a:lnTo>
                  <a:lnTo>
                    <a:pt x="80" y="1060"/>
                  </a:lnTo>
                  <a:lnTo>
                    <a:pt x="88" y="1068"/>
                  </a:lnTo>
                  <a:lnTo>
                    <a:pt x="95" y="1068"/>
                  </a:lnTo>
                  <a:lnTo>
                    <a:pt x="107" y="1072"/>
                  </a:lnTo>
                  <a:lnTo>
                    <a:pt x="110" y="1076"/>
                  </a:lnTo>
                  <a:lnTo>
                    <a:pt x="118" y="1076"/>
                  </a:lnTo>
                  <a:lnTo>
                    <a:pt x="126" y="1079"/>
                  </a:lnTo>
                  <a:lnTo>
                    <a:pt x="133" y="1083"/>
                  </a:lnTo>
                  <a:lnTo>
                    <a:pt x="137" y="1083"/>
                  </a:lnTo>
                  <a:lnTo>
                    <a:pt x="145" y="1087"/>
                  </a:lnTo>
                  <a:lnTo>
                    <a:pt x="156" y="1091"/>
                  </a:lnTo>
                  <a:lnTo>
                    <a:pt x="164" y="1095"/>
                  </a:lnTo>
                  <a:lnTo>
                    <a:pt x="175" y="1095"/>
                  </a:lnTo>
                  <a:lnTo>
                    <a:pt x="186" y="1098"/>
                  </a:lnTo>
                  <a:lnTo>
                    <a:pt x="194" y="1102"/>
                  </a:lnTo>
                  <a:lnTo>
                    <a:pt x="209" y="1106"/>
                  </a:lnTo>
                  <a:lnTo>
                    <a:pt x="221" y="1106"/>
                  </a:lnTo>
                  <a:lnTo>
                    <a:pt x="232" y="1110"/>
                  </a:lnTo>
                  <a:lnTo>
                    <a:pt x="240" y="1114"/>
                  </a:lnTo>
                  <a:lnTo>
                    <a:pt x="247" y="1114"/>
                  </a:lnTo>
                  <a:lnTo>
                    <a:pt x="255" y="1117"/>
                  </a:lnTo>
                  <a:lnTo>
                    <a:pt x="262" y="1117"/>
                  </a:lnTo>
                  <a:lnTo>
                    <a:pt x="266" y="1117"/>
                  </a:lnTo>
                  <a:lnTo>
                    <a:pt x="274" y="1121"/>
                  </a:lnTo>
                  <a:lnTo>
                    <a:pt x="281" y="1121"/>
                  </a:lnTo>
                  <a:lnTo>
                    <a:pt x="289" y="1125"/>
                  </a:lnTo>
                  <a:lnTo>
                    <a:pt x="297" y="1125"/>
                  </a:lnTo>
                  <a:lnTo>
                    <a:pt x="308" y="1129"/>
                  </a:lnTo>
                  <a:lnTo>
                    <a:pt x="316" y="1129"/>
                  </a:lnTo>
                  <a:lnTo>
                    <a:pt x="327" y="1133"/>
                  </a:lnTo>
                  <a:lnTo>
                    <a:pt x="335" y="1133"/>
                  </a:lnTo>
                  <a:lnTo>
                    <a:pt x="342" y="1133"/>
                  </a:lnTo>
                  <a:lnTo>
                    <a:pt x="350" y="1133"/>
                  </a:lnTo>
                  <a:lnTo>
                    <a:pt x="361" y="1136"/>
                  </a:lnTo>
                  <a:lnTo>
                    <a:pt x="369" y="1136"/>
                  </a:lnTo>
                  <a:lnTo>
                    <a:pt x="380" y="1140"/>
                  </a:lnTo>
                  <a:lnTo>
                    <a:pt x="392" y="1140"/>
                  </a:lnTo>
                  <a:lnTo>
                    <a:pt x="403" y="1140"/>
                  </a:lnTo>
                  <a:lnTo>
                    <a:pt x="414" y="1140"/>
                  </a:lnTo>
                  <a:lnTo>
                    <a:pt x="422" y="1144"/>
                  </a:lnTo>
                  <a:lnTo>
                    <a:pt x="433" y="1144"/>
                  </a:lnTo>
                  <a:lnTo>
                    <a:pt x="445" y="1144"/>
                  </a:lnTo>
                  <a:lnTo>
                    <a:pt x="456" y="1144"/>
                  </a:lnTo>
                  <a:lnTo>
                    <a:pt x="468" y="1148"/>
                  </a:lnTo>
                  <a:lnTo>
                    <a:pt x="479" y="1148"/>
                  </a:lnTo>
                  <a:lnTo>
                    <a:pt x="494" y="1148"/>
                  </a:lnTo>
                  <a:lnTo>
                    <a:pt x="505" y="1148"/>
                  </a:lnTo>
                  <a:lnTo>
                    <a:pt x="517" y="1148"/>
                  </a:lnTo>
                  <a:lnTo>
                    <a:pt x="528" y="1148"/>
                  </a:lnTo>
                  <a:lnTo>
                    <a:pt x="540" y="1148"/>
                  </a:lnTo>
                  <a:lnTo>
                    <a:pt x="551" y="1148"/>
                  </a:lnTo>
                  <a:lnTo>
                    <a:pt x="566" y="1148"/>
                  </a:lnTo>
                  <a:lnTo>
                    <a:pt x="578" y="1148"/>
                  </a:lnTo>
                  <a:lnTo>
                    <a:pt x="589" y="1148"/>
                  </a:lnTo>
                  <a:lnTo>
                    <a:pt x="600" y="1148"/>
                  </a:lnTo>
                  <a:lnTo>
                    <a:pt x="616" y="1148"/>
                  </a:lnTo>
                  <a:lnTo>
                    <a:pt x="627" y="1144"/>
                  </a:lnTo>
                  <a:lnTo>
                    <a:pt x="638" y="1144"/>
                  </a:lnTo>
                  <a:lnTo>
                    <a:pt x="650" y="1144"/>
                  </a:lnTo>
                  <a:lnTo>
                    <a:pt x="665" y="1144"/>
                  </a:lnTo>
                  <a:lnTo>
                    <a:pt x="676" y="1144"/>
                  </a:lnTo>
                  <a:lnTo>
                    <a:pt x="688" y="1144"/>
                  </a:lnTo>
                  <a:lnTo>
                    <a:pt x="699" y="1140"/>
                  </a:lnTo>
                  <a:lnTo>
                    <a:pt x="711" y="1140"/>
                  </a:lnTo>
                  <a:lnTo>
                    <a:pt x="722" y="1136"/>
                  </a:lnTo>
                  <a:lnTo>
                    <a:pt x="733" y="1136"/>
                  </a:lnTo>
                  <a:lnTo>
                    <a:pt x="745" y="1133"/>
                  </a:lnTo>
                  <a:lnTo>
                    <a:pt x="756" y="1133"/>
                  </a:lnTo>
                  <a:lnTo>
                    <a:pt x="768" y="1133"/>
                  </a:lnTo>
                  <a:lnTo>
                    <a:pt x="779" y="1129"/>
                  </a:lnTo>
                  <a:lnTo>
                    <a:pt x="790" y="1129"/>
                  </a:lnTo>
                  <a:lnTo>
                    <a:pt x="802" y="1125"/>
                  </a:lnTo>
                  <a:lnTo>
                    <a:pt x="813" y="1125"/>
                  </a:lnTo>
                  <a:lnTo>
                    <a:pt x="825" y="1121"/>
                  </a:lnTo>
                  <a:lnTo>
                    <a:pt x="832" y="1117"/>
                  </a:lnTo>
                  <a:lnTo>
                    <a:pt x="844" y="1117"/>
                  </a:lnTo>
                  <a:lnTo>
                    <a:pt x="851" y="1114"/>
                  </a:lnTo>
                  <a:lnTo>
                    <a:pt x="863" y="1114"/>
                  </a:lnTo>
                  <a:lnTo>
                    <a:pt x="870" y="1110"/>
                  </a:lnTo>
                  <a:lnTo>
                    <a:pt x="878" y="1106"/>
                  </a:lnTo>
                  <a:lnTo>
                    <a:pt x="889" y="1102"/>
                  </a:lnTo>
                  <a:lnTo>
                    <a:pt x="897" y="1102"/>
                  </a:lnTo>
                  <a:lnTo>
                    <a:pt x="904" y="1098"/>
                  </a:lnTo>
                  <a:lnTo>
                    <a:pt x="912" y="1095"/>
                  </a:lnTo>
                  <a:lnTo>
                    <a:pt x="920" y="1091"/>
                  </a:lnTo>
                  <a:lnTo>
                    <a:pt x="927" y="1091"/>
                  </a:lnTo>
                  <a:lnTo>
                    <a:pt x="939" y="1083"/>
                  </a:lnTo>
                  <a:lnTo>
                    <a:pt x="950" y="1076"/>
                  </a:lnTo>
                  <a:lnTo>
                    <a:pt x="958" y="1068"/>
                  </a:lnTo>
                  <a:lnTo>
                    <a:pt x="965" y="1060"/>
                  </a:lnTo>
                  <a:lnTo>
                    <a:pt x="973" y="1053"/>
                  </a:lnTo>
                  <a:lnTo>
                    <a:pt x="977" y="1041"/>
                  </a:lnTo>
                  <a:lnTo>
                    <a:pt x="980" y="1034"/>
                  </a:lnTo>
                  <a:lnTo>
                    <a:pt x="984" y="1022"/>
                  </a:lnTo>
                  <a:lnTo>
                    <a:pt x="988" y="1015"/>
                  </a:lnTo>
                  <a:lnTo>
                    <a:pt x="992" y="1003"/>
                  </a:lnTo>
                  <a:lnTo>
                    <a:pt x="996" y="992"/>
                  </a:lnTo>
                  <a:lnTo>
                    <a:pt x="999" y="984"/>
                  </a:lnTo>
                  <a:lnTo>
                    <a:pt x="999" y="973"/>
                  </a:lnTo>
                  <a:lnTo>
                    <a:pt x="1003" y="962"/>
                  </a:lnTo>
                  <a:lnTo>
                    <a:pt x="1003" y="950"/>
                  </a:lnTo>
                  <a:lnTo>
                    <a:pt x="1003" y="939"/>
                  </a:lnTo>
                  <a:lnTo>
                    <a:pt x="1003" y="927"/>
                  </a:lnTo>
                  <a:lnTo>
                    <a:pt x="1003" y="916"/>
                  </a:lnTo>
                  <a:lnTo>
                    <a:pt x="1003" y="905"/>
                  </a:lnTo>
                  <a:lnTo>
                    <a:pt x="1007" y="893"/>
                  </a:lnTo>
                  <a:lnTo>
                    <a:pt x="1003" y="882"/>
                  </a:lnTo>
                  <a:lnTo>
                    <a:pt x="1003" y="870"/>
                  </a:lnTo>
                  <a:lnTo>
                    <a:pt x="1003" y="859"/>
                  </a:lnTo>
                  <a:lnTo>
                    <a:pt x="1003" y="844"/>
                  </a:lnTo>
                  <a:lnTo>
                    <a:pt x="999" y="832"/>
                  </a:lnTo>
                  <a:lnTo>
                    <a:pt x="999" y="821"/>
                  </a:lnTo>
                  <a:lnTo>
                    <a:pt x="999" y="810"/>
                  </a:lnTo>
                  <a:lnTo>
                    <a:pt x="999" y="798"/>
                  </a:lnTo>
                  <a:lnTo>
                    <a:pt x="996" y="783"/>
                  </a:lnTo>
                  <a:lnTo>
                    <a:pt x="996" y="772"/>
                  </a:lnTo>
                  <a:lnTo>
                    <a:pt x="992" y="760"/>
                  </a:lnTo>
                  <a:lnTo>
                    <a:pt x="992" y="745"/>
                  </a:lnTo>
                  <a:lnTo>
                    <a:pt x="992" y="734"/>
                  </a:lnTo>
                  <a:lnTo>
                    <a:pt x="988" y="722"/>
                  </a:lnTo>
                  <a:lnTo>
                    <a:pt x="988" y="707"/>
                  </a:lnTo>
                  <a:lnTo>
                    <a:pt x="988" y="700"/>
                  </a:lnTo>
                  <a:lnTo>
                    <a:pt x="988" y="684"/>
                  </a:lnTo>
                  <a:lnTo>
                    <a:pt x="988" y="673"/>
                  </a:lnTo>
                  <a:lnTo>
                    <a:pt x="988" y="658"/>
                  </a:lnTo>
                  <a:lnTo>
                    <a:pt x="988" y="650"/>
                  </a:lnTo>
                  <a:lnTo>
                    <a:pt x="988" y="635"/>
                  </a:lnTo>
                  <a:lnTo>
                    <a:pt x="992" y="624"/>
                  </a:lnTo>
                  <a:lnTo>
                    <a:pt x="992" y="612"/>
                  </a:lnTo>
                  <a:lnTo>
                    <a:pt x="996" y="601"/>
                  </a:lnTo>
                  <a:lnTo>
                    <a:pt x="999" y="589"/>
                  </a:lnTo>
                  <a:lnTo>
                    <a:pt x="1003" y="578"/>
                  </a:lnTo>
                  <a:lnTo>
                    <a:pt x="1007" y="567"/>
                  </a:lnTo>
                  <a:lnTo>
                    <a:pt x="1011" y="555"/>
                  </a:lnTo>
                  <a:lnTo>
                    <a:pt x="1015" y="544"/>
                  </a:lnTo>
                  <a:lnTo>
                    <a:pt x="1018" y="536"/>
                  </a:lnTo>
                  <a:lnTo>
                    <a:pt x="1022" y="525"/>
                  </a:lnTo>
                  <a:lnTo>
                    <a:pt x="1026" y="517"/>
                  </a:lnTo>
                  <a:lnTo>
                    <a:pt x="1030" y="506"/>
                  </a:lnTo>
                  <a:lnTo>
                    <a:pt x="1034" y="498"/>
                  </a:lnTo>
                  <a:lnTo>
                    <a:pt x="1037" y="491"/>
                  </a:lnTo>
                  <a:lnTo>
                    <a:pt x="1041" y="483"/>
                  </a:lnTo>
                  <a:lnTo>
                    <a:pt x="1045" y="475"/>
                  </a:lnTo>
                  <a:lnTo>
                    <a:pt x="1049" y="468"/>
                  </a:lnTo>
                  <a:lnTo>
                    <a:pt x="1053" y="460"/>
                  </a:lnTo>
                  <a:lnTo>
                    <a:pt x="1056" y="456"/>
                  </a:lnTo>
                  <a:lnTo>
                    <a:pt x="1064" y="445"/>
                  </a:lnTo>
                  <a:lnTo>
                    <a:pt x="1068" y="441"/>
                  </a:lnTo>
                  <a:lnTo>
                    <a:pt x="1072" y="434"/>
                  </a:lnTo>
                  <a:lnTo>
                    <a:pt x="1072" y="434"/>
                  </a:lnTo>
                  <a:lnTo>
                    <a:pt x="999" y="0"/>
                  </a:lnTo>
                  <a:lnTo>
                    <a:pt x="901" y="350"/>
                  </a:lnTo>
                  <a:lnTo>
                    <a:pt x="878" y="707"/>
                  </a:lnTo>
                  <a:lnTo>
                    <a:pt x="874" y="927"/>
                  </a:lnTo>
                  <a:lnTo>
                    <a:pt x="711" y="984"/>
                  </a:lnTo>
                  <a:lnTo>
                    <a:pt x="350" y="1019"/>
                  </a:lnTo>
                  <a:lnTo>
                    <a:pt x="8" y="981"/>
                  </a:lnTo>
                  <a:lnTo>
                    <a:pt x="0" y="1106"/>
                  </a:lnTo>
                  <a:lnTo>
                    <a:pt x="0" y="1106"/>
                  </a:lnTo>
                  <a:close/>
                </a:path>
              </a:pathLst>
            </a:custGeom>
            <a:solidFill>
              <a:srgbClr val="AD3333"/>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3" name="Freeform 11"/>
            <p:cNvSpPr>
              <a:spLocks/>
            </p:cNvSpPr>
            <p:nvPr/>
          </p:nvSpPr>
          <p:spPr bwMode="auto">
            <a:xfrm>
              <a:off x="2322" y="2994"/>
              <a:ext cx="935" cy="752"/>
            </a:xfrm>
            <a:custGeom>
              <a:avLst/>
              <a:gdLst/>
              <a:ahLst/>
              <a:cxnLst>
                <a:cxn ang="0">
                  <a:pos x="0" y="433"/>
                </a:cxn>
                <a:cxn ang="0">
                  <a:pos x="11" y="441"/>
                </a:cxn>
                <a:cxn ang="0">
                  <a:pos x="27" y="448"/>
                </a:cxn>
                <a:cxn ang="0">
                  <a:pos x="42" y="452"/>
                </a:cxn>
                <a:cxn ang="0">
                  <a:pos x="57" y="460"/>
                </a:cxn>
                <a:cxn ang="0">
                  <a:pos x="80" y="467"/>
                </a:cxn>
                <a:cxn ang="0">
                  <a:pos x="99" y="475"/>
                </a:cxn>
                <a:cxn ang="0">
                  <a:pos x="122" y="483"/>
                </a:cxn>
                <a:cxn ang="0">
                  <a:pos x="148" y="490"/>
                </a:cxn>
                <a:cxn ang="0">
                  <a:pos x="167" y="494"/>
                </a:cxn>
                <a:cxn ang="0">
                  <a:pos x="182" y="498"/>
                </a:cxn>
                <a:cxn ang="0">
                  <a:pos x="198" y="502"/>
                </a:cxn>
                <a:cxn ang="0">
                  <a:pos x="213" y="505"/>
                </a:cxn>
                <a:cxn ang="0">
                  <a:pos x="228" y="505"/>
                </a:cxn>
                <a:cxn ang="0">
                  <a:pos x="243" y="509"/>
                </a:cxn>
                <a:cxn ang="0">
                  <a:pos x="262" y="513"/>
                </a:cxn>
                <a:cxn ang="0">
                  <a:pos x="277" y="513"/>
                </a:cxn>
                <a:cxn ang="0">
                  <a:pos x="296" y="517"/>
                </a:cxn>
                <a:cxn ang="0">
                  <a:pos x="315" y="521"/>
                </a:cxn>
                <a:cxn ang="0">
                  <a:pos x="331" y="521"/>
                </a:cxn>
                <a:cxn ang="0">
                  <a:pos x="350" y="521"/>
                </a:cxn>
                <a:cxn ang="0">
                  <a:pos x="365" y="524"/>
                </a:cxn>
                <a:cxn ang="0">
                  <a:pos x="384" y="524"/>
                </a:cxn>
                <a:cxn ang="0">
                  <a:pos x="403" y="524"/>
                </a:cxn>
                <a:cxn ang="0">
                  <a:pos x="422" y="524"/>
                </a:cxn>
                <a:cxn ang="0">
                  <a:pos x="441" y="524"/>
                </a:cxn>
                <a:cxn ang="0">
                  <a:pos x="456" y="524"/>
                </a:cxn>
                <a:cxn ang="0">
                  <a:pos x="475" y="524"/>
                </a:cxn>
                <a:cxn ang="0">
                  <a:pos x="490" y="524"/>
                </a:cxn>
                <a:cxn ang="0">
                  <a:pos x="509" y="524"/>
                </a:cxn>
                <a:cxn ang="0">
                  <a:pos x="524" y="524"/>
                </a:cxn>
                <a:cxn ang="0">
                  <a:pos x="543" y="524"/>
                </a:cxn>
                <a:cxn ang="0">
                  <a:pos x="559" y="524"/>
                </a:cxn>
                <a:cxn ang="0">
                  <a:pos x="574" y="521"/>
                </a:cxn>
                <a:cxn ang="0">
                  <a:pos x="589" y="521"/>
                </a:cxn>
                <a:cxn ang="0">
                  <a:pos x="604" y="521"/>
                </a:cxn>
                <a:cxn ang="0">
                  <a:pos x="619" y="521"/>
                </a:cxn>
                <a:cxn ang="0">
                  <a:pos x="638" y="517"/>
                </a:cxn>
                <a:cxn ang="0">
                  <a:pos x="661" y="517"/>
                </a:cxn>
                <a:cxn ang="0">
                  <a:pos x="684" y="513"/>
                </a:cxn>
                <a:cxn ang="0">
                  <a:pos x="699" y="513"/>
                </a:cxn>
                <a:cxn ang="0">
                  <a:pos x="714" y="509"/>
                </a:cxn>
                <a:cxn ang="0">
                  <a:pos x="726" y="509"/>
                </a:cxn>
                <a:cxn ang="0">
                  <a:pos x="729" y="513"/>
                </a:cxn>
                <a:cxn ang="0">
                  <a:pos x="741" y="524"/>
                </a:cxn>
                <a:cxn ang="0">
                  <a:pos x="752" y="540"/>
                </a:cxn>
                <a:cxn ang="0">
                  <a:pos x="764" y="555"/>
                </a:cxn>
                <a:cxn ang="0">
                  <a:pos x="775" y="570"/>
                </a:cxn>
                <a:cxn ang="0">
                  <a:pos x="786" y="585"/>
                </a:cxn>
                <a:cxn ang="0">
                  <a:pos x="794" y="600"/>
                </a:cxn>
                <a:cxn ang="0">
                  <a:pos x="798" y="616"/>
                </a:cxn>
                <a:cxn ang="0">
                  <a:pos x="802" y="631"/>
                </a:cxn>
                <a:cxn ang="0">
                  <a:pos x="798" y="654"/>
                </a:cxn>
                <a:cxn ang="0">
                  <a:pos x="794" y="676"/>
                </a:cxn>
                <a:cxn ang="0">
                  <a:pos x="790" y="699"/>
                </a:cxn>
                <a:cxn ang="0">
                  <a:pos x="786" y="722"/>
                </a:cxn>
                <a:cxn ang="0">
                  <a:pos x="783" y="737"/>
                </a:cxn>
                <a:cxn ang="0">
                  <a:pos x="783" y="749"/>
                </a:cxn>
                <a:cxn ang="0">
                  <a:pos x="935" y="718"/>
                </a:cxn>
                <a:cxn ang="0">
                  <a:pos x="840" y="0"/>
                </a:cxn>
                <a:cxn ang="0">
                  <a:pos x="498" y="433"/>
                </a:cxn>
                <a:cxn ang="0">
                  <a:pos x="0" y="433"/>
                </a:cxn>
              </a:cxnLst>
              <a:rect l="0" t="0" r="r" b="b"/>
              <a:pathLst>
                <a:path w="935" h="752">
                  <a:moveTo>
                    <a:pt x="0" y="433"/>
                  </a:moveTo>
                  <a:lnTo>
                    <a:pt x="0" y="433"/>
                  </a:lnTo>
                  <a:lnTo>
                    <a:pt x="4" y="437"/>
                  </a:lnTo>
                  <a:lnTo>
                    <a:pt x="11" y="441"/>
                  </a:lnTo>
                  <a:lnTo>
                    <a:pt x="23" y="445"/>
                  </a:lnTo>
                  <a:lnTo>
                    <a:pt x="27" y="448"/>
                  </a:lnTo>
                  <a:lnTo>
                    <a:pt x="34" y="448"/>
                  </a:lnTo>
                  <a:lnTo>
                    <a:pt x="42" y="452"/>
                  </a:lnTo>
                  <a:lnTo>
                    <a:pt x="49" y="456"/>
                  </a:lnTo>
                  <a:lnTo>
                    <a:pt x="57" y="460"/>
                  </a:lnTo>
                  <a:lnTo>
                    <a:pt x="68" y="464"/>
                  </a:lnTo>
                  <a:lnTo>
                    <a:pt x="80" y="467"/>
                  </a:lnTo>
                  <a:lnTo>
                    <a:pt x="87" y="471"/>
                  </a:lnTo>
                  <a:lnTo>
                    <a:pt x="99" y="475"/>
                  </a:lnTo>
                  <a:lnTo>
                    <a:pt x="110" y="479"/>
                  </a:lnTo>
                  <a:lnTo>
                    <a:pt x="122" y="483"/>
                  </a:lnTo>
                  <a:lnTo>
                    <a:pt x="137" y="486"/>
                  </a:lnTo>
                  <a:lnTo>
                    <a:pt x="148" y="490"/>
                  </a:lnTo>
                  <a:lnTo>
                    <a:pt x="160" y="494"/>
                  </a:lnTo>
                  <a:lnTo>
                    <a:pt x="167" y="494"/>
                  </a:lnTo>
                  <a:lnTo>
                    <a:pt x="175" y="498"/>
                  </a:lnTo>
                  <a:lnTo>
                    <a:pt x="182" y="498"/>
                  </a:lnTo>
                  <a:lnTo>
                    <a:pt x="190" y="502"/>
                  </a:lnTo>
                  <a:lnTo>
                    <a:pt x="198" y="502"/>
                  </a:lnTo>
                  <a:lnTo>
                    <a:pt x="205" y="502"/>
                  </a:lnTo>
                  <a:lnTo>
                    <a:pt x="213" y="505"/>
                  </a:lnTo>
                  <a:lnTo>
                    <a:pt x="220" y="505"/>
                  </a:lnTo>
                  <a:lnTo>
                    <a:pt x="228" y="505"/>
                  </a:lnTo>
                  <a:lnTo>
                    <a:pt x="236" y="509"/>
                  </a:lnTo>
                  <a:lnTo>
                    <a:pt x="243" y="509"/>
                  </a:lnTo>
                  <a:lnTo>
                    <a:pt x="255" y="513"/>
                  </a:lnTo>
                  <a:lnTo>
                    <a:pt x="262" y="513"/>
                  </a:lnTo>
                  <a:lnTo>
                    <a:pt x="270" y="513"/>
                  </a:lnTo>
                  <a:lnTo>
                    <a:pt x="277" y="513"/>
                  </a:lnTo>
                  <a:lnTo>
                    <a:pt x="289" y="517"/>
                  </a:lnTo>
                  <a:lnTo>
                    <a:pt x="296" y="517"/>
                  </a:lnTo>
                  <a:lnTo>
                    <a:pt x="304" y="521"/>
                  </a:lnTo>
                  <a:lnTo>
                    <a:pt x="315" y="521"/>
                  </a:lnTo>
                  <a:lnTo>
                    <a:pt x="323" y="521"/>
                  </a:lnTo>
                  <a:lnTo>
                    <a:pt x="331" y="521"/>
                  </a:lnTo>
                  <a:lnTo>
                    <a:pt x="338" y="521"/>
                  </a:lnTo>
                  <a:lnTo>
                    <a:pt x="350" y="521"/>
                  </a:lnTo>
                  <a:lnTo>
                    <a:pt x="357" y="524"/>
                  </a:lnTo>
                  <a:lnTo>
                    <a:pt x="365" y="524"/>
                  </a:lnTo>
                  <a:lnTo>
                    <a:pt x="376" y="524"/>
                  </a:lnTo>
                  <a:lnTo>
                    <a:pt x="384" y="524"/>
                  </a:lnTo>
                  <a:lnTo>
                    <a:pt x="395" y="524"/>
                  </a:lnTo>
                  <a:lnTo>
                    <a:pt x="403" y="524"/>
                  </a:lnTo>
                  <a:lnTo>
                    <a:pt x="414" y="524"/>
                  </a:lnTo>
                  <a:lnTo>
                    <a:pt x="422" y="524"/>
                  </a:lnTo>
                  <a:lnTo>
                    <a:pt x="429" y="524"/>
                  </a:lnTo>
                  <a:lnTo>
                    <a:pt x="441" y="524"/>
                  </a:lnTo>
                  <a:lnTo>
                    <a:pt x="448" y="524"/>
                  </a:lnTo>
                  <a:lnTo>
                    <a:pt x="456" y="524"/>
                  </a:lnTo>
                  <a:lnTo>
                    <a:pt x="467" y="528"/>
                  </a:lnTo>
                  <a:lnTo>
                    <a:pt x="475" y="524"/>
                  </a:lnTo>
                  <a:lnTo>
                    <a:pt x="483" y="524"/>
                  </a:lnTo>
                  <a:lnTo>
                    <a:pt x="490" y="524"/>
                  </a:lnTo>
                  <a:lnTo>
                    <a:pt x="502" y="524"/>
                  </a:lnTo>
                  <a:lnTo>
                    <a:pt x="509" y="524"/>
                  </a:lnTo>
                  <a:lnTo>
                    <a:pt x="517" y="524"/>
                  </a:lnTo>
                  <a:lnTo>
                    <a:pt x="524" y="524"/>
                  </a:lnTo>
                  <a:lnTo>
                    <a:pt x="536" y="524"/>
                  </a:lnTo>
                  <a:lnTo>
                    <a:pt x="543" y="524"/>
                  </a:lnTo>
                  <a:lnTo>
                    <a:pt x="551" y="524"/>
                  </a:lnTo>
                  <a:lnTo>
                    <a:pt x="559" y="524"/>
                  </a:lnTo>
                  <a:lnTo>
                    <a:pt x="566" y="524"/>
                  </a:lnTo>
                  <a:lnTo>
                    <a:pt x="574" y="521"/>
                  </a:lnTo>
                  <a:lnTo>
                    <a:pt x="581" y="521"/>
                  </a:lnTo>
                  <a:lnTo>
                    <a:pt x="589" y="521"/>
                  </a:lnTo>
                  <a:lnTo>
                    <a:pt x="597" y="521"/>
                  </a:lnTo>
                  <a:lnTo>
                    <a:pt x="604" y="521"/>
                  </a:lnTo>
                  <a:lnTo>
                    <a:pt x="612" y="521"/>
                  </a:lnTo>
                  <a:lnTo>
                    <a:pt x="619" y="521"/>
                  </a:lnTo>
                  <a:lnTo>
                    <a:pt x="623" y="521"/>
                  </a:lnTo>
                  <a:lnTo>
                    <a:pt x="638" y="517"/>
                  </a:lnTo>
                  <a:lnTo>
                    <a:pt x="650" y="517"/>
                  </a:lnTo>
                  <a:lnTo>
                    <a:pt x="661" y="517"/>
                  </a:lnTo>
                  <a:lnTo>
                    <a:pt x="672" y="513"/>
                  </a:lnTo>
                  <a:lnTo>
                    <a:pt x="684" y="513"/>
                  </a:lnTo>
                  <a:lnTo>
                    <a:pt x="691" y="513"/>
                  </a:lnTo>
                  <a:lnTo>
                    <a:pt x="699" y="513"/>
                  </a:lnTo>
                  <a:lnTo>
                    <a:pt x="707" y="509"/>
                  </a:lnTo>
                  <a:lnTo>
                    <a:pt x="714" y="509"/>
                  </a:lnTo>
                  <a:lnTo>
                    <a:pt x="718" y="509"/>
                  </a:lnTo>
                  <a:lnTo>
                    <a:pt x="726" y="509"/>
                  </a:lnTo>
                  <a:lnTo>
                    <a:pt x="729" y="509"/>
                  </a:lnTo>
                  <a:lnTo>
                    <a:pt x="729" y="513"/>
                  </a:lnTo>
                  <a:lnTo>
                    <a:pt x="737" y="521"/>
                  </a:lnTo>
                  <a:lnTo>
                    <a:pt x="741" y="524"/>
                  </a:lnTo>
                  <a:lnTo>
                    <a:pt x="748" y="532"/>
                  </a:lnTo>
                  <a:lnTo>
                    <a:pt x="752" y="540"/>
                  </a:lnTo>
                  <a:lnTo>
                    <a:pt x="756" y="547"/>
                  </a:lnTo>
                  <a:lnTo>
                    <a:pt x="764" y="555"/>
                  </a:lnTo>
                  <a:lnTo>
                    <a:pt x="767" y="562"/>
                  </a:lnTo>
                  <a:lnTo>
                    <a:pt x="775" y="570"/>
                  </a:lnTo>
                  <a:lnTo>
                    <a:pt x="779" y="581"/>
                  </a:lnTo>
                  <a:lnTo>
                    <a:pt x="786" y="585"/>
                  </a:lnTo>
                  <a:lnTo>
                    <a:pt x="790" y="593"/>
                  </a:lnTo>
                  <a:lnTo>
                    <a:pt x="794" y="600"/>
                  </a:lnTo>
                  <a:lnTo>
                    <a:pt x="798" y="608"/>
                  </a:lnTo>
                  <a:lnTo>
                    <a:pt x="798" y="616"/>
                  </a:lnTo>
                  <a:lnTo>
                    <a:pt x="802" y="619"/>
                  </a:lnTo>
                  <a:lnTo>
                    <a:pt x="802" y="631"/>
                  </a:lnTo>
                  <a:lnTo>
                    <a:pt x="802" y="642"/>
                  </a:lnTo>
                  <a:lnTo>
                    <a:pt x="798" y="654"/>
                  </a:lnTo>
                  <a:lnTo>
                    <a:pt x="798" y="665"/>
                  </a:lnTo>
                  <a:lnTo>
                    <a:pt x="794" y="676"/>
                  </a:lnTo>
                  <a:lnTo>
                    <a:pt x="794" y="688"/>
                  </a:lnTo>
                  <a:lnTo>
                    <a:pt x="790" y="699"/>
                  </a:lnTo>
                  <a:lnTo>
                    <a:pt x="790" y="711"/>
                  </a:lnTo>
                  <a:lnTo>
                    <a:pt x="786" y="722"/>
                  </a:lnTo>
                  <a:lnTo>
                    <a:pt x="786" y="733"/>
                  </a:lnTo>
                  <a:lnTo>
                    <a:pt x="783" y="737"/>
                  </a:lnTo>
                  <a:lnTo>
                    <a:pt x="783" y="745"/>
                  </a:lnTo>
                  <a:lnTo>
                    <a:pt x="783" y="749"/>
                  </a:lnTo>
                  <a:lnTo>
                    <a:pt x="783" y="752"/>
                  </a:lnTo>
                  <a:lnTo>
                    <a:pt x="935" y="718"/>
                  </a:lnTo>
                  <a:lnTo>
                    <a:pt x="897" y="68"/>
                  </a:lnTo>
                  <a:lnTo>
                    <a:pt x="840" y="0"/>
                  </a:lnTo>
                  <a:lnTo>
                    <a:pt x="642" y="422"/>
                  </a:lnTo>
                  <a:lnTo>
                    <a:pt x="498" y="433"/>
                  </a:lnTo>
                  <a:lnTo>
                    <a:pt x="133" y="426"/>
                  </a:lnTo>
                  <a:lnTo>
                    <a:pt x="0" y="433"/>
                  </a:lnTo>
                  <a:lnTo>
                    <a:pt x="0" y="433"/>
                  </a:lnTo>
                  <a:close/>
                </a:path>
              </a:pathLst>
            </a:custGeom>
            <a:solidFill>
              <a:srgbClr val="AD3333"/>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4" name="Freeform 12"/>
            <p:cNvSpPr>
              <a:spLocks/>
            </p:cNvSpPr>
            <p:nvPr/>
          </p:nvSpPr>
          <p:spPr bwMode="auto">
            <a:xfrm>
              <a:off x="3990" y="1076"/>
              <a:ext cx="418" cy="790"/>
            </a:xfrm>
            <a:custGeom>
              <a:avLst/>
              <a:gdLst/>
              <a:ahLst/>
              <a:cxnLst>
                <a:cxn ang="0">
                  <a:pos x="30" y="0"/>
                </a:cxn>
                <a:cxn ang="0">
                  <a:pos x="110" y="26"/>
                </a:cxn>
                <a:cxn ang="0">
                  <a:pos x="213" y="95"/>
                </a:cxn>
                <a:cxn ang="0">
                  <a:pos x="308" y="190"/>
                </a:cxn>
                <a:cxn ang="0">
                  <a:pos x="368" y="303"/>
                </a:cxn>
                <a:cxn ang="0">
                  <a:pos x="414" y="433"/>
                </a:cxn>
                <a:cxn ang="0">
                  <a:pos x="418" y="539"/>
                </a:cxn>
                <a:cxn ang="0">
                  <a:pos x="410" y="680"/>
                </a:cxn>
                <a:cxn ang="0">
                  <a:pos x="406" y="680"/>
                </a:cxn>
                <a:cxn ang="0">
                  <a:pos x="406" y="683"/>
                </a:cxn>
                <a:cxn ang="0">
                  <a:pos x="406" y="691"/>
                </a:cxn>
                <a:cxn ang="0">
                  <a:pos x="406" y="699"/>
                </a:cxn>
                <a:cxn ang="0">
                  <a:pos x="402" y="706"/>
                </a:cxn>
                <a:cxn ang="0">
                  <a:pos x="399" y="718"/>
                </a:cxn>
                <a:cxn ang="0">
                  <a:pos x="395" y="729"/>
                </a:cxn>
                <a:cxn ang="0">
                  <a:pos x="395" y="740"/>
                </a:cxn>
                <a:cxn ang="0">
                  <a:pos x="387" y="748"/>
                </a:cxn>
                <a:cxn ang="0">
                  <a:pos x="383" y="759"/>
                </a:cxn>
                <a:cxn ang="0">
                  <a:pos x="376" y="767"/>
                </a:cxn>
                <a:cxn ang="0">
                  <a:pos x="372" y="778"/>
                </a:cxn>
                <a:cxn ang="0">
                  <a:pos x="364" y="782"/>
                </a:cxn>
                <a:cxn ang="0">
                  <a:pos x="357" y="790"/>
                </a:cxn>
                <a:cxn ang="0">
                  <a:pos x="349" y="790"/>
                </a:cxn>
                <a:cxn ang="0">
                  <a:pos x="338" y="790"/>
                </a:cxn>
                <a:cxn ang="0">
                  <a:pos x="330" y="786"/>
                </a:cxn>
                <a:cxn ang="0">
                  <a:pos x="319" y="778"/>
                </a:cxn>
                <a:cxn ang="0">
                  <a:pos x="311" y="771"/>
                </a:cxn>
                <a:cxn ang="0">
                  <a:pos x="308" y="763"/>
                </a:cxn>
                <a:cxn ang="0">
                  <a:pos x="300" y="752"/>
                </a:cxn>
                <a:cxn ang="0">
                  <a:pos x="292" y="744"/>
                </a:cxn>
                <a:cxn ang="0">
                  <a:pos x="289" y="733"/>
                </a:cxn>
                <a:cxn ang="0">
                  <a:pos x="285" y="721"/>
                </a:cxn>
                <a:cxn ang="0">
                  <a:pos x="281" y="714"/>
                </a:cxn>
                <a:cxn ang="0">
                  <a:pos x="277" y="702"/>
                </a:cxn>
                <a:cxn ang="0">
                  <a:pos x="273" y="691"/>
                </a:cxn>
                <a:cxn ang="0">
                  <a:pos x="273" y="683"/>
                </a:cxn>
                <a:cxn ang="0">
                  <a:pos x="270" y="676"/>
                </a:cxn>
                <a:cxn ang="0">
                  <a:pos x="270" y="672"/>
                </a:cxn>
                <a:cxn ang="0">
                  <a:pos x="270" y="668"/>
                </a:cxn>
                <a:cxn ang="0">
                  <a:pos x="201" y="167"/>
                </a:cxn>
                <a:cxn ang="0">
                  <a:pos x="83" y="117"/>
                </a:cxn>
                <a:cxn ang="0">
                  <a:pos x="0" y="125"/>
                </a:cxn>
                <a:cxn ang="0">
                  <a:pos x="30" y="0"/>
                </a:cxn>
                <a:cxn ang="0">
                  <a:pos x="30" y="0"/>
                </a:cxn>
              </a:cxnLst>
              <a:rect l="0" t="0" r="r" b="b"/>
              <a:pathLst>
                <a:path w="418" h="790">
                  <a:moveTo>
                    <a:pt x="30" y="0"/>
                  </a:moveTo>
                  <a:lnTo>
                    <a:pt x="110" y="26"/>
                  </a:lnTo>
                  <a:lnTo>
                    <a:pt x="213" y="95"/>
                  </a:lnTo>
                  <a:lnTo>
                    <a:pt x="308" y="190"/>
                  </a:lnTo>
                  <a:lnTo>
                    <a:pt x="368" y="303"/>
                  </a:lnTo>
                  <a:lnTo>
                    <a:pt x="414" y="433"/>
                  </a:lnTo>
                  <a:lnTo>
                    <a:pt x="418" y="539"/>
                  </a:lnTo>
                  <a:lnTo>
                    <a:pt x="410" y="680"/>
                  </a:lnTo>
                  <a:lnTo>
                    <a:pt x="406" y="680"/>
                  </a:lnTo>
                  <a:lnTo>
                    <a:pt x="406" y="683"/>
                  </a:lnTo>
                  <a:lnTo>
                    <a:pt x="406" y="691"/>
                  </a:lnTo>
                  <a:lnTo>
                    <a:pt x="406" y="699"/>
                  </a:lnTo>
                  <a:lnTo>
                    <a:pt x="402" y="706"/>
                  </a:lnTo>
                  <a:lnTo>
                    <a:pt x="399" y="718"/>
                  </a:lnTo>
                  <a:lnTo>
                    <a:pt x="395" y="729"/>
                  </a:lnTo>
                  <a:lnTo>
                    <a:pt x="395" y="740"/>
                  </a:lnTo>
                  <a:lnTo>
                    <a:pt x="387" y="748"/>
                  </a:lnTo>
                  <a:lnTo>
                    <a:pt x="383" y="759"/>
                  </a:lnTo>
                  <a:lnTo>
                    <a:pt x="376" y="767"/>
                  </a:lnTo>
                  <a:lnTo>
                    <a:pt x="372" y="778"/>
                  </a:lnTo>
                  <a:lnTo>
                    <a:pt x="364" y="782"/>
                  </a:lnTo>
                  <a:lnTo>
                    <a:pt x="357" y="790"/>
                  </a:lnTo>
                  <a:lnTo>
                    <a:pt x="349" y="790"/>
                  </a:lnTo>
                  <a:lnTo>
                    <a:pt x="338" y="790"/>
                  </a:lnTo>
                  <a:lnTo>
                    <a:pt x="330" y="786"/>
                  </a:lnTo>
                  <a:lnTo>
                    <a:pt x="319" y="778"/>
                  </a:lnTo>
                  <a:lnTo>
                    <a:pt x="311" y="771"/>
                  </a:lnTo>
                  <a:lnTo>
                    <a:pt x="308" y="763"/>
                  </a:lnTo>
                  <a:lnTo>
                    <a:pt x="300" y="752"/>
                  </a:lnTo>
                  <a:lnTo>
                    <a:pt x="292" y="744"/>
                  </a:lnTo>
                  <a:lnTo>
                    <a:pt x="289" y="733"/>
                  </a:lnTo>
                  <a:lnTo>
                    <a:pt x="285" y="721"/>
                  </a:lnTo>
                  <a:lnTo>
                    <a:pt x="281" y="714"/>
                  </a:lnTo>
                  <a:lnTo>
                    <a:pt x="277" y="702"/>
                  </a:lnTo>
                  <a:lnTo>
                    <a:pt x="273" y="691"/>
                  </a:lnTo>
                  <a:lnTo>
                    <a:pt x="273" y="683"/>
                  </a:lnTo>
                  <a:lnTo>
                    <a:pt x="270" y="676"/>
                  </a:lnTo>
                  <a:lnTo>
                    <a:pt x="270" y="672"/>
                  </a:lnTo>
                  <a:lnTo>
                    <a:pt x="270" y="668"/>
                  </a:lnTo>
                  <a:lnTo>
                    <a:pt x="201" y="167"/>
                  </a:lnTo>
                  <a:lnTo>
                    <a:pt x="83" y="117"/>
                  </a:lnTo>
                  <a:lnTo>
                    <a:pt x="0" y="125"/>
                  </a:lnTo>
                  <a:lnTo>
                    <a:pt x="30" y="0"/>
                  </a:lnTo>
                  <a:lnTo>
                    <a:pt x="30" y="0"/>
                  </a:lnTo>
                  <a:close/>
                </a:path>
              </a:pathLst>
            </a:custGeom>
            <a:solidFill>
              <a:srgbClr val="4A697A"/>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5" name="Freeform 13"/>
            <p:cNvSpPr>
              <a:spLocks/>
            </p:cNvSpPr>
            <p:nvPr/>
          </p:nvSpPr>
          <p:spPr bwMode="auto">
            <a:xfrm>
              <a:off x="4146" y="2660"/>
              <a:ext cx="269" cy="680"/>
            </a:xfrm>
            <a:custGeom>
              <a:avLst/>
              <a:gdLst/>
              <a:ahLst/>
              <a:cxnLst>
                <a:cxn ang="0">
                  <a:pos x="182" y="137"/>
                </a:cxn>
                <a:cxn ang="0">
                  <a:pos x="182" y="137"/>
                </a:cxn>
                <a:cxn ang="0">
                  <a:pos x="182" y="133"/>
                </a:cxn>
                <a:cxn ang="0">
                  <a:pos x="182" y="125"/>
                </a:cxn>
                <a:cxn ang="0">
                  <a:pos x="186" y="118"/>
                </a:cxn>
                <a:cxn ang="0">
                  <a:pos x="186" y="106"/>
                </a:cxn>
                <a:cxn ang="0">
                  <a:pos x="190" y="95"/>
                </a:cxn>
                <a:cxn ang="0">
                  <a:pos x="190" y="83"/>
                </a:cxn>
                <a:cxn ang="0">
                  <a:pos x="193" y="72"/>
                </a:cxn>
                <a:cxn ang="0">
                  <a:pos x="193" y="61"/>
                </a:cxn>
                <a:cxn ang="0">
                  <a:pos x="197" y="49"/>
                </a:cxn>
                <a:cxn ang="0">
                  <a:pos x="201" y="34"/>
                </a:cxn>
                <a:cxn ang="0">
                  <a:pos x="205" y="26"/>
                </a:cxn>
                <a:cxn ang="0">
                  <a:pos x="208" y="15"/>
                </a:cxn>
                <a:cxn ang="0">
                  <a:pos x="212" y="7"/>
                </a:cxn>
                <a:cxn ang="0">
                  <a:pos x="216" y="4"/>
                </a:cxn>
                <a:cxn ang="0">
                  <a:pos x="220" y="0"/>
                </a:cxn>
                <a:cxn ang="0">
                  <a:pos x="227" y="0"/>
                </a:cxn>
                <a:cxn ang="0">
                  <a:pos x="235" y="4"/>
                </a:cxn>
                <a:cxn ang="0">
                  <a:pos x="243" y="7"/>
                </a:cxn>
                <a:cxn ang="0">
                  <a:pos x="250" y="11"/>
                </a:cxn>
                <a:cxn ang="0">
                  <a:pos x="258" y="19"/>
                </a:cxn>
                <a:cxn ang="0">
                  <a:pos x="265" y="23"/>
                </a:cxn>
                <a:cxn ang="0">
                  <a:pos x="269" y="228"/>
                </a:cxn>
                <a:cxn ang="0">
                  <a:pos x="235" y="391"/>
                </a:cxn>
                <a:cxn ang="0">
                  <a:pos x="0" y="680"/>
                </a:cxn>
                <a:cxn ang="0">
                  <a:pos x="0" y="539"/>
                </a:cxn>
                <a:cxn ang="0">
                  <a:pos x="182" y="311"/>
                </a:cxn>
                <a:cxn ang="0">
                  <a:pos x="182" y="137"/>
                </a:cxn>
                <a:cxn ang="0">
                  <a:pos x="182" y="137"/>
                </a:cxn>
              </a:cxnLst>
              <a:rect l="0" t="0" r="r" b="b"/>
              <a:pathLst>
                <a:path w="269" h="680">
                  <a:moveTo>
                    <a:pt x="182" y="137"/>
                  </a:moveTo>
                  <a:lnTo>
                    <a:pt x="182" y="137"/>
                  </a:lnTo>
                  <a:lnTo>
                    <a:pt x="182" y="133"/>
                  </a:lnTo>
                  <a:lnTo>
                    <a:pt x="182" y="125"/>
                  </a:lnTo>
                  <a:lnTo>
                    <a:pt x="186" y="118"/>
                  </a:lnTo>
                  <a:lnTo>
                    <a:pt x="186" y="106"/>
                  </a:lnTo>
                  <a:lnTo>
                    <a:pt x="190" y="95"/>
                  </a:lnTo>
                  <a:lnTo>
                    <a:pt x="190" y="83"/>
                  </a:lnTo>
                  <a:lnTo>
                    <a:pt x="193" y="72"/>
                  </a:lnTo>
                  <a:lnTo>
                    <a:pt x="193" y="61"/>
                  </a:lnTo>
                  <a:lnTo>
                    <a:pt x="197" y="49"/>
                  </a:lnTo>
                  <a:lnTo>
                    <a:pt x="201" y="34"/>
                  </a:lnTo>
                  <a:lnTo>
                    <a:pt x="205" y="26"/>
                  </a:lnTo>
                  <a:lnTo>
                    <a:pt x="208" y="15"/>
                  </a:lnTo>
                  <a:lnTo>
                    <a:pt x="212" y="7"/>
                  </a:lnTo>
                  <a:lnTo>
                    <a:pt x="216" y="4"/>
                  </a:lnTo>
                  <a:lnTo>
                    <a:pt x="220" y="0"/>
                  </a:lnTo>
                  <a:lnTo>
                    <a:pt x="227" y="0"/>
                  </a:lnTo>
                  <a:lnTo>
                    <a:pt x="235" y="4"/>
                  </a:lnTo>
                  <a:lnTo>
                    <a:pt x="243" y="7"/>
                  </a:lnTo>
                  <a:lnTo>
                    <a:pt x="250" y="11"/>
                  </a:lnTo>
                  <a:lnTo>
                    <a:pt x="258" y="19"/>
                  </a:lnTo>
                  <a:lnTo>
                    <a:pt x="265" y="23"/>
                  </a:lnTo>
                  <a:lnTo>
                    <a:pt x="269" y="228"/>
                  </a:lnTo>
                  <a:lnTo>
                    <a:pt x="235" y="391"/>
                  </a:lnTo>
                  <a:lnTo>
                    <a:pt x="0" y="680"/>
                  </a:lnTo>
                  <a:lnTo>
                    <a:pt x="0" y="539"/>
                  </a:lnTo>
                  <a:lnTo>
                    <a:pt x="182" y="311"/>
                  </a:lnTo>
                  <a:lnTo>
                    <a:pt x="182" y="137"/>
                  </a:lnTo>
                  <a:lnTo>
                    <a:pt x="182" y="137"/>
                  </a:lnTo>
                  <a:close/>
                </a:path>
              </a:pathLst>
            </a:custGeom>
            <a:solidFill>
              <a:srgbClr val="4A697A"/>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6" name="Freeform 14"/>
            <p:cNvSpPr>
              <a:spLocks/>
            </p:cNvSpPr>
            <p:nvPr/>
          </p:nvSpPr>
          <p:spPr bwMode="auto">
            <a:xfrm>
              <a:off x="2011" y="2075"/>
              <a:ext cx="497" cy="414"/>
            </a:xfrm>
            <a:custGeom>
              <a:avLst/>
              <a:gdLst/>
              <a:ahLst/>
              <a:cxnLst>
                <a:cxn ang="0">
                  <a:pos x="136" y="0"/>
                </a:cxn>
                <a:cxn ang="0">
                  <a:pos x="478" y="57"/>
                </a:cxn>
                <a:cxn ang="0">
                  <a:pos x="497" y="133"/>
                </a:cxn>
                <a:cxn ang="0">
                  <a:pos x="429" y="414"/>
                </a:cxn>
                <a:cxn ang="0">
                  <a:pos x="0" y="357"/>
                </a:cxn>
                <a:cxn ang="0">
                  <a:pos x="41" y="148"/>
                </a:cxn>
                <a:cxn ang="0">
                  <a:pos x="136" y="0"/>
                </a:cxn>
                <a:cxn ang="0">
                  <a:pos x="136" y="0"/>
                </a:cxn>
              </a:cxnLst>
              <a:rect l="0" t="0" r="r" b="b"/>
              <a:pathLst>
                <a:path w="497" h="414">
                  <a:moveTo>
                    <a:pt x="136" y="0"/>
                  </a:moveTo>
                  <a:lnTo>
                    <a:pt x="478" y="57"/>
                  </a:lnTo>
                  <a:lnTo>
                    <a:pt x="497" y="133"/>
                  </a:lnTo>
                  <a:lnTo>
                    <a:pt x="429" y="414"/>
                  </a:lnTo>
                  <a:lnTo>
                    <a:pt x="0" y="357"/>
                  </a:lnTo>
                  <a:lnTo>
                    <a:pt x="41" y="148"/>
                  </a:lnTo>
                  <a:lnTo>
                    <a:pt x="136" y="0"/>
                  </a:lnTo>
                  <a:lnTo>
                    <a:pt x="136" y="0"/>
                  </a:lnTo>
                  <a:close/>
                </a:path>
              </a:pathLst>
            </a:custGeom>
            <a:solidFill>
              <a:srgbClr val="4A697A"/>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7" name="Freeform 15"/>
            <p:cNvSpPr>
              <a:spLocks/>
            </p:cNvSpPr>
            <p:nvPr/>
          </p:nvSpPr>
          <p:spPr bwMode="auto">
            <a:xfrm>
              <a:off x="2049" y="3203"/>
              <a:ext cx="254" cy="133"/>
            </a:xfrm>
            <a:custGeom>
              <a:avLst/>
              <a:gdLst/>
              <a:ahLst/>
              <a:cxnLst>
                <a:cxn ang="0">
                  <a:pos x="227" y="11"/>
                </a:cxn>
                <a:cxn ang="0">
                  <a:pos x="15" y="0"/>
                </a:cxn>
                <a:cxn ang="0">
                  <a:pos x="0" y="72"/>
                </a:cxn>
                <a:cxn ang="0">
                  <a:pos x="235" y="133"/>
                </a:cxn>
                <a:cxn ang="0">
                  <a:pos x="254" y="61"/>
                </a:cxn>
                <a:cxn ang="0">
                  <a:pos x="227" y="11"/>
                </a:cxn>
                <a:cxn ang="0">
                  <a:pos x="227" y="11"/>
                </a:cxn>
              </a:cxnLst>
              <a:rect l="0" t="0" r="r" b="b"/>
              <a:pathLst>
                <a:path w="254" h="133">
                  <a:moveTo>
                    <a:pt x="227" y="11"/>
                  </a:moveTo>
                  <a:lnTo>
                    <a:pt x="15" y="0"/>
                  </a:lnTo>
                  <a:lnTo>
                    <a:pt x="0" y="72"/>
                  </a:lnTo>
                  <a:lnTo>
                    <a:pt x="235" y="133"/>
                  </a:lnTo>
                  <a:lnTo>
                    <a:pt x="254" y="61"/>
                  </a:lnTo>
                  <a:lnTo>
                    <a:pt x="227" y="11"/>
                  </a:lnTo>
                  <a:lnTo>
                    <a:pt x="227" y="11"/>
                  </a:lnTo>
                  <a:close/>
                </a:path>
              </a:pathLst>
            </a:custGeom>
            <a:solidFill>
              <a:srgbClr val="4A697A"/>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8" name="Freeform 16"/>
            <p:cNvSpPr>
              <a:spLocks/>
            </p:cNvSpPr>
            <p:nvPr/>
          </p:nvSpPr>
          <p:spPr bwMode="auto">
            <a:xfrm>
              <a:off x="2326" y="1000"/>
              <a:ext cx="577" cy="193"/>
            </a:xfrm>
            <a:custGeom>
              <a:avLst/>
              <a:gdLst/>
              <a:ahLst/>
              <a:cxnLst>
                <a:cxn ang="0">
                  <a:pos x="42" y="0"/>
                </a:cxn>
                <a:cxn ang="0">
                  <a:pos x="509" y="49"/>
                </a:cxn>
                <a:cxn ang="0">
                  <a:pos x="577" y="91"/>
                </a:cxn>
                <a:cxn ang="0">
                  <a:pos x="539" y="193"/>
                </a:cxn>
                <a:cxn ang="0">
                  <a:pos x="0" y="102"/>
                </a:cxn>
                <a:cxn ang="0">
                  <a:pos x="42" y="0"/>
                </a:cxn>
                <a:cxn ang="0">
                  <a:pos x="42" y="0"/>
                </a:cxn>
              </a:cxnLst>
              <a:rect l="0" t="0" r="r" b="b"/>
              <a:pathLst>
                <a:path w="577" h="193">
                  <a:moveTo>
                    <a:pt x="42" y="0"/>
                  </a:moveTo>
                  <a:lnTo>
                    <a:pt x="509" y="49"/>
                  </a:lnTo>
                  <a:lnTo>
                    <a:pt x="577" y="91"/>
                  </a:lnTo>
                  <a:lnTo>
                    <a:pt x="539" y="193"/>
                  </a:lnTo>
                  <a:lnTo>
                    <a:pt x="0" y="102"/>
                  </a:lnTo>
                  <a:lnTo>
                    <a:pt x="42" y="0"/>
                  </a:lnTo>
                  <a:lnTo>
                    <a:pt x="42" y="0"/>
                  </a:lnTo>
                  <a:close/>
                </a:path>
              </a:pathLst>
            </a:custGeom>
            <a:solidFill>
              <a:srgbClr val="E3E38C"/>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69" name="Freeform 17"/>
            <p:cNvSpPr>
              <a:spLocks/>
            </p:cNvSpPr>
            <p:nvPr/>
          </p:nvSpPr>
          <p:spPr bwMode="auto">
            <a:xfrm>
              <a:off x="1536" y="490"/>
              <a:ext cx="1364" cy="1816"/>
            </a:xfrm>
            <a:custGeom>
              <a:avLst/>
              <a:gdLst/>
              <a:ahLst/>
              <a:cxnLst>
                <a:cxn ang="0">
                  <a:pos x="1181" y="12"/>
                </a:cxn>
                <a:cxn ang="0">
                  <a:pos x="999" y="4"/>
                </a:cxn>
                <a:cxn ang="0">
                  <a:pos x="839" y="38"/>
                </a:cxn>
                <a:cxn ang="0">
                  <a:pos x="699" y="111"/>
                </a:cxn>
                <a:cxn ang="0">
                  <a:pos x="577" y="217"/>
                </a:cxn>
                <a:cxn ang="0">
                  <a:pos x="478" y="354"/>
                </a:cxn>
                <a:cxn ang="0">
                  <a:pos x="395" y="517"/>
                </a:cxn>
                <a:cxn ang="0">
                  <a:pos x="334" y="700"/>
                </a:cxn>
                <a:cxn ang="0">
                  <a:pos x="307" y="795"/>
                </a:cxn>
                <a:cxn ang="0">
                  <a:pos x="285" y="870"/>
                </a:cxn>
                <a:cxn ang="0">
                  <a:pos x="262" y="946"/>
                </a:cxn>
                <a:cxn ang="0">
                  <a:pos x="243" y="1022"/>
                </a:cxn>
                <a:cxn ang="0">
                  <a:pos x="212" y="1098"/>
                </a:cxn>
                <a:cxn ang="0">
                  <a:pos x="186" y="1171"/>
                </a:cxn>
                <a:cxn ang="0">
                  <a:pos x="152" y="1243"/>
                </a:cxn>
                <a:cxn ang="0">
                  <a:pos x="110" y="1315"/>
                </a:cxn>
                <a:cxn ang="0">
                  <a:pos x="57" y="1387"/>
                </a:cxn>
                <a:cxn ang="0">
                  <a:pos x="22" y="1448"/>
                </a:cxn>
                <a:cxn ang="0">
                  <a:pos x="0" y="1505"/>
                </a:cxn>
                <a:cxn ang="0">
                  <a:pos x="11" y="1566"/>
                </a:cxn>
                <a:cxn ang="0">
                  <a:pos x="38" y="1630"/>
                </a:cxn>
                <a:cxn ang="0">
                  <a:pos x="95" y="1695"/>
                </a:cxn>
                <a:cxn ang="0">
                  <a:pos x="152" y="1737"/>
                </a:cxn>
                <a:cxn ang="0">
                  <a:pos x="216" y="1767"/>
                </a:cxn>
                <a:cxn ang="0">
                  <a:pos x="288" y="1794"/>
                </a:cxn>
                <a:cxn ang="0">
                  <a:pos x="357" y="1809"/>
                </a:cxn>
                <a:cxn ang="0">
                  <a:pos x="429" y="1816"/>
                </a:cxn>
                <a:cxn ang="0">
                  <a:pos x="478" y="1782"/>
                </a:cxn>
                <a:cxn ang="0">
                  <a:pos x="410" y="1756"/>
                </a:cxn>
                <a:cxn ang="0">
                  <a:pos x="342" y="1740"/>
                </a:cxn>
                <a:cxn ang="0">
                  <a:pos x="273" y="1718"/>
                </a:cxn>
                <a:cxn ang="0">
                  <a:pos x="205" y="1687"/>
                </a:cxn>
                <a:cxn ang="0">
                  <a:pos x="129" y="1649"/>
                </a:cxn>
                <a:cxn ang="0">
                  <a:pos x="72" y="1577"/>
                </a:cxn>
                <a:cxn ang="0">
                  <a:pos x="68" y="1524"/>
                </a:cxn>
                <a:cxn ang="0">
                  <a:pos x="79" y="1467"/>
                </a:cxn>
                <a:cxn ang="0">
                  <a:pos x="102" y="1414"/>
                </a:cxn>
                <a:cxn ang="0">
                  <a:pos x="155" y="1330"/>
                </a:cxn>
                <a:cxn ang="0">
                  <a:pos x="201" y="1262"/>
                </a:cxn>
                <a:cxn ang="0">
                  <a:pos x="235" y="1193"/>
                </a:cxn>
                <a:cxn ang="0">
                  <a:pos x="258" y="1140"/>
                </a:cxn>
                <a:cxn ang="0">
                  <a:pos x="277" y="1083"/>
                </a:cxn>
                <a:cxn ang="0">
                  <a:pos x="296" y="1022"/>
                </a:cxn>
                <a:cxn ang="0">
                  <a:pos x="311" y="965"/>
                </a:cxn>
                <a:cxn ang="0">
                  <a:pos x="326" y="908"/>
                </a:cxn>
                <a:cxn ang="0">
                  <a:pos x="342" y="851"/>
                </a:cxn>
                <a:cxn ang="0">
                  <a:pos x="357" y="779"/>
                </a:cxn>
                <a:cxn ang="0">
                  <a:pos x="380" y="696"/>
                </a:cxn>
                <a:cxn ang="0">
                  <a:pos x="410" y="620"/>
                </a:cxn>
                <a:cxn ang="0">
                  <a:pos x="440" y="548"/>
                </a:cxn>
                <a:cxn ang="0">
                  <a:pos x="475" y="472"/>
                </a:cxn>
                <a:cxn ang="0">
                  <a:pos x="516" y="403"/>
                </a:cxn>
                <a:cxn ang="0">
                  <a:pos x="562" y="331"/>
                </a:cxn>
                <a:cxn ang="0">
                  <a:pos x="611" y="266"/>
                </a:cxn>
                <a:cxn ang="0">
                  <a:pos x="676" y="194"/>
                </a:cxn>
                <a:cxn ang="0">
                  <a:pos x="756" y="137"/>
                </a:cxn>
                <a:cxn ang="0">
                  <a:pos x="847" y="95"/>
                </a:cxn>
                <a:cxn ang="0">
                  <a:pos x="946" y="69"/>
                </a:cxn>
                <a:cxn ang="0">
                  <a:pos x="1044" y="57"/>
                </a:cxn>
                <a:cxn ang="0">
                  <a:pos x="1143" y="57"/>
                </a:cxn>
                <a:cxn ang="0">
                  <a:pos x="1242" y="65"/>
                </a:cxn>
                <a:cxn ang="0">
                  <a:pos x="1333" y="88"/>
                </a:cxn>
                <a:cxn ang="0">
                  <a:pos x="1360" y="61"/>
                </a:cxn>
              </a:cxnLst>
              <a:rect l="0" t="0" r="r" b="b"/>
              <a:pathLst>
                <a:path w="1364" h="1816">
                  <a:moveTo>
                    <a:pt x="1360" y="61"/>
                  </a:moveTo>
                  <a:lnTo>
                    <a:pt x="1333" y="50"/>
                  </a:lnTo>
                  <a:lnTo>
                    <a:pt x="1307" y="42"/>
                  </a:lnTo>
                  <a:lnTo>
                    <a:pt x="1280" y="35"/>
                  </a:lnTo>
                  <a:lnTo>
                    <a:pt x="1257" y="27"/>
                  </a:lnTo>
                  <a:lnTo>
                    <a:pt x="1231" y="19"/>
                  </a:lnTo>
                  <a:lnTo>
                    <a:pt x="1204" y="16"/>
                  </a:lnTo>
                  <a:lnTo>
                    <a:pt x="1181" y="12"/>
                  </a:lnTo>
                  <a:lnTo>
                    <a:pt x="1158" y="8"/>
                  </a:lnTo>
                  <a:lnTo>
                    <a:pt x="1132" y="4"/>
                  </a:lnTo>
                  <a:lnTo>
                    <a:pt x="1109" y="4"/>
                  </a:lnTo>
                  <a:lnTo>
                    <a:pt x="1086" y="0"/>
                  </a:lnTo>
                  <a:lnTo>
                    <a:pt x="1063" y="0"/>
                  </a:lnTo>
                  <a:lnTo>
                    <a:pt x="1044" y="0"/>
                  </a:lnTo>
                  <a:lnTo>
                    <a:pt x="1022" y="0"/>
                  </a:lnTo>
                  <a:lnTo>
                    <a:pt x="999" y="4"/>
                  </a:lnTo>
                  <a:lnTo>
                    <a:pt x="980" y="4"/>
                  </a:lnTo>
                  <a:lnTo>
                    <a:pt x="957" y="8"/>
                  </a:lnTo>
                  <a:lnTo>
                    <a:pt x="934" y="12"/>
                  </a:lnTo>
                  <a:lnTo>
                    <a:pt x="915" y="16"/>
                  </a:lnTo>
                  <a:lnTo>
                    <a:pt x="896" y="19"/>
                  </a:lnTo>
                  <a:lnTo>
                    <a:pt x="873" y="23"/>
                  </a:lnTo>
                  <a:lnTo>
                    <a:pt x="854" y="31"/>
                  </a:lnTo>
                  <a:lnTo>
                    <a:pt x="839" y="38"/>
                  </a:lnTo>
                  <a:lnTo>
                    <a:pt x="820" y="46"/>
                  </a:lnTo>
                  <a:lnTo>
                    <a:pt x="801" y="54"/>
                  </a:lnTo>
                  <a:lnTo>
                    <a:pt x="782" y="61"/>
                  </a:lnTo>
                  <a:lnTo>
                    <a:pt x="767" y="69"/>
                  </a:lnTo>
                  <a:lnTo>
                    <a:pt x="748" y="80"/>
                  </a:lnTo>
                  <a:lnTo>
                    <a:pt x="729" y="88"/>
                  </a:lnTo>
                  <a:lnTo>
                    <a:pt x="714" y="99"/>
                  </a:lnTo>
                  <a:lnTo>
                    <a:pt x="699" y="111"/>
                  </a:lnTo>
                  <a:lnTo>
                    <a:pt x="683" y="126"/>
                  </a:lnTo>
                  <a:lnTo>
                    <a:pt x="665" y="137"/>
                  </a:lnTo>
                  <a:lnTo>
                    <a:pt x="649" y="149"/>
                  </a:lnTo>
                  <a:lnTo>
                    <a:pt x="634" y="160"/>
                  </a:lnTo>
                  <a:lnTo>
                    <a:pt x="619" y="175"/>
                  </a:lnTo>
                  <a:lnTo>
                    <a:pt x="608" y="190"/>
                  </a:lnTo>
                  <a:lnTo>
                    <a:pt x="592" y="202"/>
                  </a:lnTo>
                  <a:lnTo>
                    <a:pt x="577" y="217"/>
                  </a:lnTo>
                  <a:lnTo>
                    <a:pt x="566" y="236"/>
                  </a:lnTo>
                  <a:lnTo>
                    <a:pt x="551" y="247"/>
                  </a:lnTo>
                  <a:lnTo>
                    <a:pt x="535" y="266"/>
                  </a:lnTo>
                  <a:lnTo>
                    <a:pt x="524" y="282"/>
                  </a:lnTo>
                  <a:lnTo>
                    <a:pt x="513" y="301"/>
                  </a:lnTo>
                  <a:lnTo>
                    <a:pt x="501" y="320"/>
                  </a:lnTo>
                  <a:lnTo>
                    <a:pt x="490" y="339"/>
                  </a:lnTo>
                  <a:lnTo>
                    <a:pt x="478" y="354"/>
                  </a:lnTo>
                  <a:lnTo>
                    <a:pt x="467" y="377"/>
                  </a:lnTo>
                  <a:lnTo>
                    <a:pt x="456" y="396"/>
                  </a:lnTo>
                  <a:lnTo>
                    <a:pt x="444" y="415"/>
                  </a:lnTo>
                  <a:lnTo>
                    <a:pt x="433" y="434"/>
                  </a:lnTo>
                  <a:lnTo>
                    <a:pt x="425" y="456"/>
                  </a:lnTo>
                  <a:lnTo>
                    <a:pt x="414" y="475"/>
                  </a:lnTo>
                  <a:lnTo>
                    <a:pt x="402" y="498"/>
                  </a:lnTo>
                  <a:lnTo>
                    <a:pt x="395" y="517"/>
                  </a:lnTo>
                  <a:lnTo>
                    <a:pt x="387" y="540"/>
                  </a:lnTo>
                  <a:lnTo>
                    <a:pt x="380" y="563"/>
                  </a:lnTo>
                  <a:lnTo>
                    <a:pt x="368" y="586"/>
                  </a:lnTo>
                  <a:lnTo>
                    <a:pt x="361" y="608"/>
                  </a:lnTo>
                  <a:lnTo>
                    <a:pt x="357" y="631"/>
                  </a:lnTo>
                  <a:lnTo>
                    <a:pt x="349" y="654"/>
                  </a:lnTo>
                  <a:lnTo>
                    <a:pt x="342" y="677"/>
                  </a:lnTo>
                  <a:lnTo>
                    <a:pt x="334" y="700"/>
                  </a:lnTo>
                  <a:lnTo>
                    <a:pt x="326" y="726"/>
                  </a:lnTo>
                  <a:lnTo>
                    <a:pt x="326" y="734"/>
                  </a:lnTo>
                  <a:lnTo>
                    <a:pt x="323" y="745"/>
                  </a:lnTo>
                  <a:lnTo>
                    <a:pt x="319" y="753"/>
                  </a:lnTo>
                  <a:lnTo>
                    <a:pt x="315" y="764"/>
                  </a:lnTo>
                  <a:lnTo>
                    <a:pt x="311" y="772"/>
                  </a:lnTo>
                  <a:lnTo>
                    <a:pt x="311" y="783"/>
                  </a:lnTo>
                  <a:lnTo>
                    <a:pt x="307" y="795"/>
                  </a:lnTo>
                  <a:lnTo>
                    <a:pt x="304" y="802"/>
                  </a:lnTo>
                  <a:lnTo>
                    <a:pt x="304" y="814"/>
                  </a:lnTo>
                  <a:lnTo>
                    <a:pt x="300" y="825"/>
                  </a:lnTo>
                  <a:lnTo>
                    <a:pt x="296" y="833"/>
                  </a:lnTo>
                  <a:lnTo>
                    <a:pt x="296" y="844"/>
                  </a:lnTo>
                  <a:lnTo>
                    <a:pt x="292" y="851"/>
                  </a:lnTo>
                  <a:lnTo>
                    <a:pt x="288" y="863"/>
                  </a:lnTo>
                  <a:lnTo>
                    <a:pt x="285" y="870"/>
                  </a:lnTo>
                  <a:lnTo>
                    <a:pt x="285" y="882"/>
                  </a:lnTo>
                  <a:lnTo>
                    <a:pt x="281" y="889"/>
                  </a:lnTo>
                  <a:lnTo>
                    <a:pt x="277" y="901"/>
                  </a:lnTo>
                  <a:lnTo>
                    <a:pt x="273" y="908"/>
                  </a:lnTo>
                  <a:lnTo>
                    <a:pt x="273" y="920"/>
                  </a:lnTo>
                  <a:lnTo>
                    <a:pt x="269" y="927"/>
                  </a:lnTo>
                  <a:lnTo>
                    <a:pt x="266" y="939"/>
                  </a:lnTo>
                  <a:lnTo>
                    <a:pt x="262" y="946"/>
                  </a:lnTo>
                  <a:lnTo>
                    <a:pt x="262" y="958"/>
                  </a:lnTo>
                  <a:lnTo>
                    <a:pt x="258" y="965"/>
                  </a:lnTo>
                  <a:lnTo>
                    <a:pt x="254" y="977"/>
                  </a:lnTo>
                  <a:lnTo>
                    <a:pt x="250" y="984"/>
                  </a:lnTo>
                  <a:lnTo>
                    <a:pt x="250" y="996"/>
                  </a:lnTo>
                  <a:lnTo>
                    <a:pt x="247" y="1003"/>
                  </a:lnTo>
                  <a:lnTo>
                    <a:pt x="243" y="1015"/>
                  </a:lnTo>
                  <a:lnTo>
                    <a:pt x="243" y="1022"/>
                  </a:lnTo>
                  <a:lnTo>
                    <a:pt x="239" y="1034"/>
                  </a:lnTo>
                  <a:lnTo>
                    <a:pt x="235" y="1041"/>
                  </a:lnTo>
                  <a:lnTo>
                    <a:pt x="231" y="1053"/>
                  </a:lnTo>
                  <a:lnTo>
                    <a:pt x="228" y="1060"/>
                  </a:lnTo>
                  <a:lnTo>
                    <a:pt x="224" y="1072"/>
                  </a:lnTo>
                  <a:lnTo>
                    <a:pt x="220" y="1079"/>
                  </a:lnTo>
                  <a:lnTo>
                    <a:pt x="216" y="1087"/>
                  </a:lnTo>
                  <a:lnTo>
                    <a:pt x="212" y="1098"/>
                  </a:lnTo>
                  <a:lnTo>
                    <a:pt x="212" y="1110"/>
                  </a:lnTo>
                  <a:lnTo>
                    <a:pt x="205" y="1117"/>
                  </a:lnTo>
                  <a:lnTo>
                    <a:pt x="205" y="1125"/>
                  </a:lnTo>
                  <a:lnTo>
                    <a:pt x="197" y="1136"/>
                  </a:lnTo>
                  <a:lnTo>
                    <a:pt x="197" y="1144"/>
                  </a:lnTo>
                  <a:lnTo>
                    <a:pt x="193" y="1152"/>
                  </a:lnTo>
                  <a:lnTo>
                    <a:pt x="190" y="1163"/>
                  </a:lnTo>
                  <a:lnTo>
                    <a:pt x="186" y="1171"/>
                  </a:lnTo>
                  <a:lnTo>
                    <a:pt x="182" y="1182"/>
                  </a:lnTo>
                  <a:lnTo>
                    <a:pt x="174" y="1190"/>
                  </a:lnTo>
                  <a:lnTo>
                    <a:pt x="171" y="1197"/>
                  </a:lnTo>
                  <a:lnTo>
                    <a:pt x="167" y="1209"/>
                  </a:lnTo>
                  <a:lnTo>
                    <a:pt x="163" y="1216"/>
                  </a:lnTo>
                  <a:lnTo>
                    <a:pt x="159" y="1224"/>
                  </a:lnTo>
                  <a:lnTo>
                    <a:pt x="155" y="1235"/>
                  </a:lnTo>
                  <a:lnTo>
                    <a:pt x="152" y="1243"/>
                  </a:lnTo>
                  <a:lnTo>
                    <a:pt x="148" y="1254"/>
                  </a:lnTo>
                  <a:lnTo>
                    <a:pt x="140" y="1262"/>
                  </a:lnTo>
                  <a:lnTo>
                    <a:pt x="136" y="1269"/>
                  </a:lnTo>
                  <a:lnTo>
                    <a:pt x="129" y="1281"/>
                  </a:lnTo>
                  <a:lnTo>
                    <a:pt x="125" y="1288"/>
                  </a:lnTo>
                  <a:lnTo>
                    <a:pt x="121" y="1300"/>
                  </a:lnTo>
                  <a:lnTo>
                    <a:pt x="114" y="1307"/>
                  </a:lnTo>
                  <a:lnTo>
                    <a:pt x="110" y="1315"/>
                  </a:lnTo>
                  <a:lnTo>
                    <a:pt x="106" y="1326"/>
                  </a:lnTo>
                  <a:lnTo>
                    <a:pt x="98" y="1334"/>
                  </a:lnTo>
                  <a:lnTo>
                    <a:pt x="91" y="1345"/>
                  </a:lnTo>
                  <a:lnTo>
                    <a:pt x="83" y="1357"/>
                  </a:lnTo>
                  <a:lnTo>
                    <a:pt x="76" y="1368"/>
                  </a:lnTo>
                  <a:lnTo>
                    <a:pt x="68" y="1376"/>
                  </a:lnTo>
                  <a:lnTo>
                    <a:pt x="64" y="1380"/>
                  </a:lnTo>
                  <a:lnTo>
                    <a:pt x="57" y="1387"/>
                  </a:lnTo>
                  <a:lnTo>
                    <a:pt x="53" y="1395"/>
                  </a:lnTo>
                  <a:lnTo>
                    <a:pt x="49" y="1402"/>
                  </a:lnTo>
                  <a:lnTo>
                    <a:pt x="45" y="1410"/>
                  </a:lnTo>
                  <a:lnTo>
                    <a:pt x="41" y="1418"/>
                  </a:lnTo>
                  <a:lnTo>
                    <a:pt x="38" y="1425"/>
                  </a:lnTo>
                  <a:lnTo>
                    <a:pt x="30" y="1433"/>
                  </a:lnTo>
                  <a:lnTo>
                    <a:pt x="26" y="1440"/>
                  </a:lnTo>
                  <a:lnTo>
                    <a:pt x="22" y="1448"/>
                  </a:lnTo>
                  <a:lnTo>
                    <a:pt x="19" y="1456"/>
                  </a:lnTo>
                  <a:lnTo>
                    <a:pt x="15" y="1459"/>
                  </a:lnTo>
                  <a:lnTo>
                    <a:pt x="11" y="1467"/>
                  </a:lnTo>
                  <a:lnTo>
                    <a:pt x="11" y="1475"/>
                  </a:lnTo>
                  <a:lnTo>
                    <a:pt x="7" y="1486"/>
                  </a:lnTo>
                  <a:lnTo>
                    <a:pt x="3" y="1490"/>
                  </a:lnTo>
                  <a:lnTo>
                    <a:pt x="3" y="1497"/>
                  </a:lnTo>
                  <a:lnTo>
                    <a:pt x="0" y="1505"/>
                  </a:lnTo>
                  <a:lnTo>
                    <a:pt x="0" y="1513"/>
                  </a:lnTo>
                  <a:lnTo>
                    <a:pt x="0" y="1520"/>
                  </a:lnTo>
                  <a:lnTo>
                    <a:pt x="0" y="1528"/>
                  </a:lnTo>
                  <a:lnTo>
                    <a:pt x="0" y="1535"/>
                  </a:lnTo>
                  <a:lnTo>
                    <a:pt x="3" y="1543"/>
                  </a:lnTo>
                  <a:lnTo>
                    <a:pt x="3" y="1551"/>
                  </a:lnTo>
                  <a:lnTo>
                    <a:pt x="7" y="1558"/>
                  </a:lnTo>
                  <a:lnTo>
                    <a:pt x="11" y="1566"/>
                  </a:lnTo>
                  <a:lnTo>
                    <a:pt x="15" y="1573"/>
                  </a:lnTo>
                  <a:lnTo>
                    <a:pt x="15" y="1581"/>
                  </a:lnTo>
                  <a:lnTo>
                    <a:pt x="19" y="1592"/>
                  </a:lnTo>
                  <a:lnTo>
                    <a:pt x="22" y="1600"/>
                  </a:lnTo>
                  <a:lnTo>
                    <a:pt x="26" y="1608"/>
                  </a:lnTo>
                  <a:lnTo>
                    <a:pt x="30" y="1615"/>
                  </a:lnTo>
                  <a:lnTo>
                    <a:pt x="34" y="1623"/>
                  </a:lnTo>
                  <a:lnTo>
                    <a:pt x="38" y="1630"/>
                  </a:lnTo>
                  <a:lnTo>
                    <a:pt x="45" y="1638"/>
                  </a:lnTo>
                  <a:lnTo>
                    <a:pt x="49" y="1642"/>
                  </a:lnTo>
                  <a:lnTo>
                    <a:pt x="53" y="1649"/>
                  </a:lnTo>
                  <a:lnTo>
                    <a:pt x="60" y="1657"/>
                  </a:lnTo>
                  <a:lnTo>
                    <a:pt x="68" y="1665"/>
                  </a:lnTo>
                  <a:lnTo>
                    <a:pt x="76" y="1676"/>
                  </a:lnTo>
                  <a:lnTo>
                    <a:pt x="91" y="1687"/>
                  </a:lnTo>
                  <a:lnTo>
                    <a:pt x="95" y="1695"/>
                  </a:lnTo>
                  <a:lnTo>
                    <a:pt x="102" y="1699"/>
                  </a:lnTo>
                  <a:lnTo>
                    <a:pt x="110" y="1706"/>
                  </a:lnTo>
                  <a:lnTo>
                    <a:pt x="117" y="1710"/>
                  </a:lnTo>
                  <a:lnTo>
                    <a:pt x="125" y="1718"/>
                  </a:lnTo>
                  <a:lnTo>
                    <a:pt x="133" y="1721"/>
                  </a:lnTo>
                  <a:lnTo>
                    <a:pt x="140" y="1725"/>
                  </a:lnTo>
                  <a:lnTo>
                    <a:pt x="148" y="1729"/>
                  </a:lnTo>
                  <a:lnTo>
                    <a:pt x="152" y="1737"/>
                  </a:lnTo>
                  <a:lnTo>
                    <a:pt x="163" y="1740"/>
                  </a:lnTo>
                  <a:lnTo>
                    <a:pt x="171" y="1744"/>
                  </a:lnTo>
                  <a:lnTo>
                    <a:pt x="178" y="1748"/>
                  </a:lnTo>
                  <a:lnTo>
                    <a:pt x="186" y="1752"/>
                  </a:lnTo>
                  <a:lnTo>
                    <a:pt x="193" y="1756"/>
                  </a:lnTo>
                  <a:lnTo>
                    <a:pt x="201" y="1759"/>
                  </a:lnTo>
                  <a:lnTo>
                    <a:pt x="209" y="1763"/>
                  </a:lnTo>
                  <a:lnTo>
                    <a:pt x="216" y="1767"/>
                  </a:lnTo>
                  <a:lnTo>
                    <a:pt x="228" y="1771"/>
                  </a:lnTo>
                  <a:lnTo>
                    <a:pt x="235" y="1775"/>
                  </a:lnTo>
                  <a:lnTo>
                    <a:pt x="243" y="1778"/>
                  </a:lnTo>
                  <a:lnTo>
                    <a:pt x="250" y="1782"/>
                  </a:lnTo>
                  <a:lnTo>
                    <a:pt x="262" y="1782"/>
                  </a:lnTo>
                  <a:lnTo>
                    <a:pt x="269" y="1786"/>
                  </a:lnTo>
                  <a:lnTo>
                    <a:pt x="281" y="1790"/>
                  </a:lnTo>
                  <a:lnTo>
                    <a:pt x="288" y="1794"/>
                  </a:lnTo>
                  <a:lnTo>
                    <a:pt x="296" y="1794"/>
                  </a:lnTo>
                  <a:lnTo>
                    <a:pt x="304" y="1797"/>
                  </a:lnTo>
                  <a:lnTo>
                    <a:pt x="315" y="1801"/>
                  </a:lnTo>
                  <a:lnTo>
                    <a:pt x="323" y="1801"/>
                  </a:lnTo>
                  <a:lnTo>
                    <a:pt x="330" y="1801"/>
                  </a:lnTo>
                  <a:lnTo>
                    <a:pt x="342" y="1805"/>
                  </a:lnTo>
                  <a:lnTo>
                    <a:pt x="349" y="1805"/>
                  </a:lnTo>
                  <a:lnTo>
                    <a:pt x="357" y="1809"/>
                  </a:lnTo>
                  <a:lnTo>
                    <a:pt x="368" y="1809"/>
                  </a:lnTo>
                  <a:lnTo>
                    <a:pt x="376" y="1809"/>
                  </a:lnTo>
                  <a:lnTo>
                    <a:pt x="383" y="1813"/>
                  </a:lnTo>
                  <a:lnTo>
                    <a:pt x="395" y="1813"/>
                  </a:lnTo>
                  <a:lnTo>
                    <a:pt x="402" y="1813"/>
                  </a:lnTo>
                  <a:lnTo>
                    <a:pt x="410" y="1813"/>
                  </a:lnTo>
                  <a:lnTo>
                    <a:pt x="421" y="1816"/>
                  </a:lnTo>
                  <a:lnTo>
                    <a:pt x="429" y="1816"/>
                  </a:lnTo>
                  <a:lnTo>
                    <a:pt x="437" y="1816"/>
                  </a:lnTo>
                  <a:lnTo>
                    <a:pt x="448" y="1816"/>
                  </a:lnTo>
                  <a:lnTo>
                    <a:pt x="456" y="1816"/>
                  </a:lnTo>
                  <a:lnTo>
                    <a:pt x="463" y="1816"/>
                  </a:lnTo>
                  <a:lnTo>
                    <a:pt x="471" y="1809"/>
                  </a:lnTo>
                  <a:lnTo>
                    <a:pt x="475" y="1801"/>
                  </a:lnTo>
                  <a:lnTo>
                    <a:pt x="478" y="1794"/>
                  </a:lnTo>
                  <a:lnTo>
                    <a:pt x="478" y="1782"/>
                  </a:lnTo>
                  <a:lnTo>
                    <a:pt x="475" y="1775"/>
                  </a:lnTo>
                  <a:lnTo>
                    <a:pt x="467" y="1771"/>
                  </a:lnTo>
                  <a:lnTo>
                    <a:pt x="459" y="1767"/>
                  </a:lnTo>
                  <a:lnTo>
                    <a:pt x="448" y="1767"/>
                  </a:lnTo>
                  <a:lnTo>
                    <a:pt x="440" y="1763"/>
                  </a:lnTo>
                  <a:lnTo>
                    <a:pt x="429" y="1759"/>
                  </a:lnTo>
                  <a:lnTo>
                    <a:pt x="421" y="1759"/>
                  </a:lnTo>
                  <a:lnTo>
                    <a:pt x="410" y="1756"/>
                  </a:lnTo>
                  <a:lnTo>
                    <a:pt x="402" y="1756"/>
                  </a:lnTo>
                  <a:lnTo>
                    <a:pt x="395" y="1752"/>
                  </a:lnTo>
                  <a:lnTo>
                    <a:pt x="387" y="1752"/>
                  </a:lnTo>
                  <a:lnTo>
                    <a:pt x="376" y="1748"/>
                  </a:lnTo>
                  <a:lnTo>
                    <a:pt x="368" y="1748"/>
                  </a:lnTo>
                  <a:lnTo>
                    <a:pt x="357" y="1744"/>
                  </a:lnTo>
                  <a:lnTo>
                    <a:pt x="349" y="1744"/>
                  </a:lnTo>
                  <a:lnTo>
                    <a:pt x="342" y="1740"/>
                  </a:lnTo>
                  <a:lnTo>
                    <a:pt x="334" y="1737"/>
                  </a:lnTo>
                  <a:lnTo>
                    <a:pt x="323" y="1733"/>
                  </a:lnTo>
                  <a:lnTo>
                    <a:pt x="315" y="1733"/>
                  </a:lnTo>
                  <a:lnTo>
                    <a:pt x="307" y="1729"/>
                  </a:lnTo>
                  <a:lnTo>
                    <a:pt x="300" y="1725"/>
                  </a:lnTo>
                  <a:lnTo>
                    <a:pt x="288" y="1721"/>
                  </a:lnTo>
                  <a:lnTo>
                    <a:pt x="281" y="1721"/>
                  </a:lnTo>
                  <a:lnTo>
                    <a:pt x="273" y="1718"/>
                  </a:lnTo>
                  <a:lnTo>
                    <a:pt x="266" y="1714"/>
                  </a:lnTo>
                  <a:lnTo>
                    <a:pt x="254" y="1710"/>
                  </a:lnTo>
                  <a:lnTo>
                    <a:pt x="247" y="1710"/>
                  </a:lnTo>
                  <a:lnTo>
                    <a:pt x="239" y="1702"/>
                  </a:lnTo>
                  <a:lnTo>
                    <a:pt x="228" y="1699"/>
                  </a:lnTo>
                  <a:lnTo>
                    <a:pt x="220" y="1695"/>
                  </a:lnTo>
                  <a:lnTo>
                    <a:pt x="212" y="1695"/>
                  </a:lnTo>
                  <a:lnTo>
                    <a:pt x="205" y="1687"/>
                  </a:lnTo>
                  <a:lnTo>
                    <a:pt x="193" y="1684"/>
                  </a:lnTo>
                  <a:lnTo>
                    <a:pt x="186" y="1680"/>
                  </a:lnTo>
                  <a:lnTo>
                    <a:pt x="178" y="1676"/>
                  </a:lnTo>
                  <a:lnTo>
                    <a:pt x="167" y="1672"/>
                  </a:lnTo>
                  <a:lnTo>
                    <a:pt x="155" y="1668"/>
                  </a:lnTo>
                  <a:lnTo>
                    <a:pt x="148" y="1661"/>
                  </a:lnTo>
                  <a:lnTo>
                    <a:pt x="140" y="1657"/>
                  </a:lnTo>
                  <a:lnTo>
                    <a:pt x="129" y="1649"/>
                  </a:lnTo>
                  <a:lnTo>
                    <a:pt x="121" y="1642"/>
                  </a:lnTo>
                  <a:lnTo>
                    <a:pt x="117" y="1638"/>
                  </a:lnTo>
                  <a:lnTo>
                    <a:pt x="110" y="1634"/>
                  </a:lnTo>
                  <a:lnTo>
                    <a:pt x="98" y="1619"/>
                  </a:lnTo>
                  <a:lnTo>
                    <a:pt x="91" y="1608"/>
                  </a:lnTo>
                  <a:lnTo>
                    <a:pt x="79" y="1596"/>
                  </a:lnTo>
                  <a:lnTo>
                    <a:pt x="76" y="1585"/>
                  </a:lnTo>
                  <a:lnTo>
                    <a:pt x="72" y="1577"/>
                  </a:lnTo>
                  <a:lnTo>
                    <a:pt x="72" y="1570"/>
                  </a:lnTo>
                  <a:lnTo>
                    <a:pt x="68" y="1562"/>
                  </a:lnTo>
                  <a:lnTo>
                    <a:pt x="68" y="1558"/>
                  </a:lnTo>
                  <a:lnTo>
                    <a:pt x="68" y="1551"/>
                  </a:lnTo>
                  <a:lnTo>
                    <a:pt x="68" y="1543"/>
                  </a:lnTo>
                  <a:lnTo>
                    <a:pt x="68" y="1535"/>
                  </a:lnTo>
                  <a:lnTo>
                    <a:pt x="68" y="1532"/>
                  </a:lnTo>
                  <a:lnTo>
                    <a:pt x="68" y="1524"/>
                  </a:lnTo>
                  <a:lnTo>
                    <a:pt x="68" y="1516"/>
                  </a:lnTo>
                  <a:lnTo>
                    <a:pt x="68" y="1509"/>
                  </a:lnTo>
                  <a:lnTo>
                    <a:pt x="68" y="1501"/>
                  </a:lnTo>
                  <a:lnTo>
                    <a:pt x="68" y="1494"/>
                  </a:lnTo>
                  <a:lnTo>
                    <a:pt x="72" y="1490"/>
                  </a:lnTo>
                  <a:lnTo>
                    <a:pt x="76" y="1482"/>
                  </a:lnTo>
                  <a:lnTo>
                    <a:pt x="76" y="1475"/>
                  </a:lnTo>
                  <a:lnTo>
                    <a:pt x="79" y="1467"/>
                  </a:lnTo>
                  <a:lnTo>
                    <a:pt x="79" y="1459"/>
                  </a:lnTo>
                  <a:lnTo>
                    <a:pt x="83" y="1456"/>
                  </a:lnTo>
                  <a:lnTo>
                    <a:pt x="87" y="1448"/>
                  </a:lnTo>
                  <a:lnTo>
                    <a:pt x="91" y="1440"/>
                  </a:lnTo>
                  <a:lnTo>
                    <a:pt x="95" y="1433"/>
                  </a:lnTo>
                  <a:lnTo>
                    <a:pt x="98" y="1425"/>
                  </a:lnTo>
                  <a:lnTo>
                    <a:pt x="98" y="1421"/>
                  </a:lnTo>
                  <a:lnTo>
                    <a:pt x="102" y="1414"/>
                  </a:lnTo>
                  <a:lnTo>
                    <a:pt x="106" y="1406"/>
                  </a:lnTo>
                  <a:lnTo>
                    <a:pt x="110" y="1399"/>
                  </a:lnTo>
                  <a:lnTo>
                    <a:pt x="114" y="1395"/>
                  </a:lnTo>
                  <a:lnTo>
                    <a:pt x="121" y="1380"/>
                  </a:lnTo>
                  <a:lnTo>
                    <a:pt x="133" y="1368"/>
                  </a:lnTo>
                  <a:lnTo>
                    <a:pt x="140" y="1353"/>
                  </a:lnTo>
                  <a:lnTo>
                    <a:pt x="148" y="1342"/>
                  </a:lnTo>
                  <a:lnTo>
                    <a:pt x="155" y="1330"/>
                  </a:lnTo>
                  <a:lnTo>
                    <a:pt x="163" y="1323"/>
                  </a:lnTo>
                  <a:lnTo>
                    <a:pt x="171" y="1311"/>
                  </a:lnTo>
                  <a:lnTo>
                    <a:pt x="178" y="1300"/>
                  </a:lnTo>
                  <a:lnTo>
                    <a:pt x="186" y="1288"/>
                  </a:lnTo>
                  <a:lnTo>
                    <a:pt x="193" y="1281"/>
                  </a:lnTo>
                  <a:lnTo>
                    <a:pt x="193" y="1273"/>
                  </a:lnTo>
                  <a:lnTo>
                    <a:pt x="197" y="1269"/>
                  </a:lnTo>
                  <a:lnTo>
                    <a:pt x="201" y="1262"/>
                  </a:lnTo>
                  <a:lnTo>
                    <a:pt x="205" y="1254"/>
                  </a:lnTo>
                  <a:lnTo>
                    <a:pt x="212" y="1243"/>
                  </a:lnTo>
                  <a:lnTo>
                    <a:pt x="220" y="1228"/>
                  </a:lnTo>
                  <a:lnTo>
                    <a:pt x="224" y="1220"/>
                  </a:lnTo>
                  <a:lnTo>
                    <a:pt x="228" y="1216"/>
                  </a:lnTo>
                  <a:lnTo>
                    <a:pt x="228" y="1209"/>
                  </a:lnTo>
                  <a:lnTo>
                    <a:pt x="231" y="1201"/>
                  </a:lnTo>
                  <a:lnTo>
                    <a:pt x="235" y="1193"/>
                  </a:lnTo>
                  <a:lnTo>
                    <a:pt x="239" y="1190"/>
                  </a:lnTo>
                  <a:lnTo>
                    <a:pt x="243" y="1182"/>
                  </a:lnTo>
                  <a:lnTo>
                    <a:pt x="247" y="1174"/>
                  </a:lnTo>
                  <a:lnTo>
                    <a:pt x="247" y="1167"/>
                  </a:lnTo>
                  <a:lnTo>
                    <a:pt x="250" y="1159"/>
                  </a:lnTo>
                  <a:lnTo>
                    <a:pt x="250" y="1152"/>
                  </a:lnTo>
                  <a:lnTo>
                    <a:pt x="254" y="1144"/>
                  </a:lnTo>
                  <a:lnTo>
                    <a:pt x="258" y="1140"/>
                  </a:lnTo>
                  <a:lnTo>
                    <a:pt x="262" y="1133"/>
                  </a:lnTo>
                  <a:lnTo>
                    <a:pt x="262" y="1125"/>
                  </a:lnTo>
                  <a:lnTo>
                    <a:pt x="266" y="1117"/>
                  </a:lnTo>
                  <a:lnTo>
                    <a:pt x="269" y="1110"/>
                  </a:lnTo>
                  <a:lnTo>
                    <a:pt x="269" y="1102"/>
                  </a:lnTo>
                  <a:lnTo>
                    <a:pt x="273" y="1095"/>
                  </a:lnTo>
                  <a:lnTo>
                    <a:pt x="277" y="1087"/>
                  </a:lnTo>
                  <a:lnTo>
                    <a:pt x="277" y="1083"/>
                  </a:lnTo>
                  <a:lnTo>
                    <a:pt x="281" y="1076"/>
                  </a:lnTo>
                  <a:lnTo>
                    <a:pt x="281" y="1068"/>
                  </a:lnTo>
                  <a:lnTo>
                    <a:pt x="285" y="1060"/>
                  </a:lnTo>
                  <a:lnTo>
                    <a:pt x="288" y="1053"/>
                  </a:lnTo>
                  <a:lnTo>
                    <a:pt x="288" y="1045"/>
                  </a:lnTo>
                  <a:lnTo>
                    <a:pt x="292" y="1038"/>
                  </a:lnTo>
                  <a:lnTo>
                    <a:pt x="292" y="1030"/>
                  </a:lnTo>
                  <a:lnTo>
                    <a:pt x="296" y="1022"/>
                  </a:lnTo>
                  <a:lnTo>
                    <a:pt x="296" y="1015"/>
                  </a:lnTo>
                  <a:lnTo>
                    <a:pt x="300" y="1011"/>
                  </a:lnTo>
                  <a:lnTo>
                    <a:pt x="304" y="1003"/>
                  </a:lnTo>
                  <a:lnTo>
                    <a:pt x="304" y="996"/>
                  </a:lnTo>
                  <a:lnTo>
                    <a:pt x="304" y="988"/>
                  </a:lnTo>
                  <a:lnTo>
                    <a:pt x="307" y="981"/>
                  </a:lnTo>
                  <a:lnTo>
                    <a:pt x="307" y="973"/>
                  </a:lnTo>
                  <a:lnTo>
                    <a:pt x="311" y="965"/>
                  </a:lnTo>
                  <a:lnTo>
                    <a:pt x="311" y="958"/>
                  </a:lnTo>
                  <a:lnTo>
                    <a:pt x="315" y="950"/>
                  </a:lnTo>
                  <a:lnTo>
                    <a:pt x="319" y="943"/>
                  </a:lnTo>
                  <a:lnTo>
                    <a:pt x="319" y="935"/>
                  </a:lnTo>
                  <a:lnTo>
                    <a:pt x="323" y="927"/>
                  </a:lnTo>
                  <a:lnTo>
                    <a:pt x="323" y="924"/>
                  </a:lnTo>
                  <a:lnTo>
                    <a:pt x="326" y="916"/>
                  </a:lnTo>
                  <a:lnTo>
                    <a:pt x="326" y="908"/>
                  </a:lnTo>
                  <a:lnTo>
                    <a:pt x="326" y="901"/>
                  </a:lnTo>
                  <a:lnTo>
                    <a:pt x="330" y="893"/>
                  </a:lnTo>
                  <a:lnTo>
                    <a:pt x="330" y="886"/>
                  </a:lnTo>
                  <a:lnTo>
                    <a:pt x="334" y="878"/>
                  </a:lnTo>
                  <a:lnTo>
                    <a:pt x="334" y="874"/>
                  </a:lnTo>
                  <a:lnTo>
                    <a:pt x="338" y="867"/>
                  </a:lnTo>
                  <a:lnTo>
                    <a:pt x="338" y="859"/>
                  </a:lnTo>
                  <a:lnTo>
                    <a:pt x="342" y="851"/>
                  </a:lnTo>
                  <a:lnTo>
                    <a:pt x="342" y="844"/>
                  </a:lnTo>
                  <a:lnTo>
                    <a:pt x="345" y="836"/>
                  </a:lnTo>
                  <a:lnTo>
                    <a:pt x="345" y="833"/>
                  </a:lnTo>
                  <a:lnTo>
                    <a:pt x="349" y="821"/>
                  </a:lnTo>
                  <a:lnTo>
                    <a:pt x="349" y="810"/>
                  </a:lnTo>
                  <a:lnTo>
                    <a:pt x="353" y="798"/>
                  </a:lnTo>
                  <a:lnTo>
                    <a:pt x="357" y="791"/>
                  </a:lnTo>
                  <a:lnTo>
                    <a:pt x="357" y="779"/>
                  </a:lnTo>
                  <a:lnTo>
                    <a:pt x="361" y="768"/>
                  </a:lnTo>
                  <a:lnTo>
                    <a:pt x="364" y="757"/>
                  </a:lnTo>
                  <a:lnTo>
                    <a:pt x="368" y="749"/>
                  </a:lnTo>
                  <a:lnTo>
                    <a:pt x="368" y="738"/>
                  </a:lnTo>
                  <a:lnTo>
                    <a:pt x="372" y="726"/>
                  </a:lnTo>
                  <a:lnTo>
                    <a:pt x="376" y="719"/>
                  </a:lnTo>
                  <a:lnTo>
                    <a:pt x="380" y="707"/>
                  </a:lnTo>
                  <a:lnTo>
                    <a:pt x="380" y="696"/>
                  </a:lnTo>
                  <a:lnTo>
                    <a:pt x="383" y="688"/>
                  </a:lnTo>
                  <a:lnTo>
                    <a:pt x="387" y="677"/>
                  </a:lnTo>
                  <a:lnTo>
                    <a:pt x="391" y="669"/>
                  </a:lnTo>
                  <a:lnTo>
                    <a:pt x="395" y="658"/>
                  </a:lnTo>
                  <a:lnTo>
                    <a:pt x="399" y="650"/>
                  </a:lnTo>
                  <a:lnTo>
                    <a:pt x="402" y="639"/>
                  </a:lnTo>
                  <a:lnTo>
                    <a:pt x="406" y="631"/>
                  </a:lnTo>
                  <a:lnTo>
                    <a:pt x="410" y="620"/>
                  </a:lnTo>
                  <a:lnTo>
                    <a:pt x="414" y="612"/>
                  </a:lnTo>
                  <a:lnTo>
                    <a:pt x="418" y="601"/>
                  </a:lnTo>
                  <a:lnTo>
                    <a:pt x="421" y="593"/>
                  </a:lnTo>
                  <a:lnTo>
                    <a:pt x="425" y="582"/>
                  </a:lnTo>
                  <a:lnTo>
                    <a:pt x="429" y="574"/>
                  </a:lnTo>
                  <a:lnTo>
                    <a:pt x="433" y="563"/>
                  </a:lnTo>
                  <a:lnTo>
                    <a:pt x="437" y="555"/>
                  </a:lnTo>
                  <a:lnTo>
                    <a:pt x="440" y="548"/>
                  </a:lnTo>
                  <a:lnTo>
                    <a:pt x="444" y="536"/>
                  </a:lnTo>
                  <a:lnTo>
                    <a:pt x="448" y="529"/>
                  </a:lnTo>
                  <a:lnTo>
                    <a:pt x="456" y="521"/>
                  </a:lnTo>
                  <a:lnTo>
                    <a:pt x="456" y="510"/>
                  </a:lnTo>
                  <a:lnTo>
                    <a:pt x="459" y="502"/>
                  </a:lnTo>
                  <a:lnTo>
                    <a:pt x="467" y="491"/>
                  </a:lnTo>
                  <a:lnTo>
                    <a:pt x="471" y="483"/>
                  </a:lnTo>
                  <a:lnTo>
                    <a:pt x="475" y="472"/>
                  </a:lnTo>
                  <a:lnTo>
                    <a:pt x="478" y="464"/>
                  </a:lnTo>
                  <a:lnTo>
                    <a:pt x="486" y="456"/>
                  </a:lnTo>
                  <a:lnTo>
                    <a:pt x="490" y="445"/>
                  </a:lnTo>
                  <a:lnTo>
                    <a:pt x="494" y="437"/>
                  </a:lnTo>
                  <a:lnTo>
                    <a:pt x="501" y="426"/>
                  </a:lnTo>
                  <a:lnTo>
                    <a:pt x="505" y="418"/>
                  </a:lnTo>
                  <a:lnTo>
                    <a:pt x="509" y="411"/>
                  </a:lnTo>
                  <a:lnTo>
                    <a:pt x="516" y="403"/>
                  </a:lnTo>
                  <a:lnTo>
                    <a:pt x="520" y="396"/>
                  </a:lnTo>
                  <a:lnTo>
                    <a:pt x="528" y="384"/>
                  </a:lnTo>
                  <a:lnTo>
                    <a:pt x="532" y="377"/>
                  </a:lnTo>
                  <a:lnTo>
                    <a:pt x="539" y="369"/>
                  </a:lnTo>
                  <a:lnTo>
                    <a:pt x="543" y="358"/>
                  </a:lnTo>
                  <a:lnTo>
                    <a:pt x="551" y="350"/>
                  </a:lnTo>
                  <a:lnTo>
                    <a:pt x="554" y="342"/>
                  </a:lnTo>
                  <a:lnTo>
                    <a:pt x="562" y="331"/>
                  </a:lnTo>
                  <a:lnTo>
                    <a:pt x="566" y="327"/>
                  </a:lnTo>
                  <a:lnTo>
                    <a:pt x="573" y="316"/>
                  </a:lnTo>
                  <a:lnTo>
                    <a:pt x="581" y="308"/>
                  </a:lnTo>
                  <a:lnTo>
                    <a:pt x="585" y="301"/>
                  </a:lnTo>
                  <a:lnTo>
                    <a:pt x="592" y="293"/>
                  </a:lnTo>
                  <a:lnTo>
                    <a:pt x="600" y="282"/>
                  </a:lnTo>
                  <a:lnTo>
                    <a:pt x="608" y="274"/>
                  </a:lnTo>
                  <a:lnTo>
                    <a:pt x="611" y="266"/>
                  </a:lnTo>
                  <a:lnTo>
                    <a:pt x="619" y="259"/>
                  </a:lnTo>
                  <a:lnTo>
                    <a:pt x="627" y="251"/>
                  </a:lnTo>
                  <a:lnTo>
                    <a:pt x="634" y="244"/>
                  </a:lnTo>
                  <a:lnTo>
                    <a:pt x="642" y="232"/>
                  </a:lnTo>
                  <a:lnTo>
                    <a:pt x="649" y="221"/>
                  </a:lnTo>
                  <a:lnTo>
                    <a:pt x="657" y="213"/>
                  </a:lnTo>
                  <a:lnTo>
                    <a:pt x="668" y="206"/>
                  </a:lnTo>
                  <a:lnTo>
                    <a:pt x="676" y="194"/>
                  </a:lnTo>
                  <a:lnTo>
                    <a:pt x="687" y="187"/>
                  </a:lnTo>
                  <a:lnTo>
                    <a:pt x="695" y="179"/>
                  </a:lnTo>
                  <a:lnTo>
                    <a:pt x="706" y="171"/>
                  </a:lnTo>
                  <a:lnTo>
                    <a:pt x="714" y="164"/>
                  </a:lnTo>
                  <a:lnTo>
                    <a:pt x="725" y="156"/>
                  </a:lnTo>
                  <a:lnTo>
                    <a:pt x="737" y="149"/>
                  </a:lnTo>
                  <a:lnTo>
                    <a:pt x="744" y="145"/>
                  </a:lnTo>
                  <a:lnTo>
                    <a:pt x="756" y="137"/>
                  </a:lnTo>
                  <a:lnTo>
                    <a:pt x="767" y="133"/>
                  </a:lnTo>
                  <a:lnTo>
                    <a:pt x="778" y="126"/>
                  </a:lnTo>
                  <a:lnTo>
                    <a:pt x="790" y="122"/>
                  </a:lnTo>
                  <a:lnTo>
                    <a:pt x="801" y="114"/>
                  </a:lnTo>
                  <a:lnTo>
                    <a:pt x="813" y="111"/>
                  </a:lnTo>
                  <a:lnTo>
                    <a:pt x="824" y="103"/>
                  </a:lnTo>
                  <a:lnTo>
                    <a:pt x="835" y="99"/>
                  </a:lnTo>
                  <a:lnTo>
                    <a:pt x="847" y="95"/>
                  </a:lnTo>
                  <a:lnTo>
                    <a:pt x="858" y="92"/>
                  </a:lnTo>
                  <a:lnTo>
                    <a:pt x="870" y="88"/>
                  </a:lnTo>
                  <a:lnTo>
                    <a:pt x="885" y="84"/>
                  </a:lnTo>
                  <a:lnTo>
                    <a:pt x="896" y="80"/>
                  </a:lnTo>
                  <a:lnTo>
                    <a:pt x="908" y="76"/>
                  </a:lnTo>
                  <a:lnTo>
                    <a:pt x="919" y="76"/>
                  </a:lnTo>
                  <a:lnTo>
                    <a:pt x="930" y="73"/>
                  </a:lnTo>
                  <a:lnTo>
                    <a:pt x="946" y="69"/>
                  </a:lnTo>
                  <a:lnTo>
                    <a:pt x="957" y="69"/>
                  </a:lnTo>
                  <a:lnTo>
                    <a:pt x="968" y="65"/>
                  </a:lnTo>
                  <a:lnTo>
                    <a:pt x="984" y="65"/>
                  </a:lnTo>
                  <a:lnTo>
                    <a:pt x="995" y="61"/>
                  </a:lnTo>
                  <a:lnTo>
                    <a:pt x="1006" y="61"/>
                  </a:lnTo>
                  <a:lnTo>
                    <a:pt x="1018" y="57"/>
                  </a:lnTo>
                  <a:lnTo>
                    <a:pt x="1033" y="57"/>
                  </a:lnTo>
                  <a:lnTo>
                    <a:pt x="1044" y="57"/>
                  </a:lnTo>
                  <a:lnTo>
                    <a:pt x="1056" y="57"/>
                  </a:lnTo>
                  <a:lnTo>
                    <a:pt x="1067" y="57"/>
                  </a:lnTo>
                  <a:lnTo>
                    <a:pt x="1082" y="57"/>
                  </a:lnTo>
                  <a:lnTo>
                    <a:pt x="1094" y="57"/>
                  </a:lnTo>
                  <a:lnTo>
                    <a:pt x="1105" y="57"/>
                  </a:lnTo>
                  <a:lnTo>
                    <a:pt x="1117" y="57"/>
                  </a:lnTo>
                  <a:lnTo>
                    <a:pt x="1132" y="57"/>
                  </a:lnTo>
                  <a:lnTo>
                    <a:pt x="1143" y="57"/>
                  </a:lnTo>
                  <a:lnTo>
                    <a:pt x="1155" y="57"/>
                  </a:lnTo>
                  <a:lnTo>
                    <a:pt x="1170" y="57"/>
                  </a:lnTo>
                  <a:lnTo>
                    <a:pt x="1181" y="61"/>
                  </a:lnTo>
                  <a:lnTo>
                    <a:pt x="1193" y="61"/>
                  </a:lnTo>
                  <a:lnTo>
                    <a:pt x="1204" y="61"/>
                  </a:lnTo>
                  <a:lnTo>
                    <a:pt x="1215" y="61"/>
                  </a:lnTo>
                  <a:lnTo>
                    <a:pt x="1231" y="65"/>
                  </a:lnTo>
                  <a:lnTo>
                    <a:pt x="1242" y="65"/>
                  </a:lnTo>
                  <a:lnTo>
                    <a:pt x="1253" y="69"/>
                  </a:lnTo>
                  <a:lnTo>
                    <a:pt x="1265" y="69"/>
                  </a:lnTo>
                  <a:lnTo>
                    <a:pt x="1276" y="73"/>
                  </a:lnTo>
                  <a:lnTo>
                    <a:pt x="1288" y="76"/>
                  </a:lnTo>
                  <a:lnTo>
                    <a:pt x="1299" y="76"/>
                  </a:lnTo>
                  <a:lnTo>
                    <a:pt x="1310" y="80"/>
                  </a:lnTo>
                  <a:lnTo>
                    <a:pt x="1322" y="84"/>
                  </a:lnTo>
                  <a:lnTo>
                    <a:pt x="1333" y="88"/>
                  </a:lnTo>
                  <a:lnTo>
                    <a:pt x="1345" y="88"/>
                  </a:lnTo>
                  <a:lnTo>
                    <a:pt x="1356" y="92"/>
                  </a:lnTo>
                  <a:lnTo>
                    <a:pt x="1364" y="95"/>
                  </a:lnTo>
                  <a:lnTo>
                    <a:pt x="1364" y="92"/>
                  </a:lnTo>
                  <a:lnTo>
                    <a:pt x="1364" y="80"/>
                  </a:lnTo>
                  <a:lnTo>
                    <a:pt x="1364" y="73"/>
                  </a:lnTo>
                  <a:lnTo>
                    <a:pt x="1364" y="69"/>
                  </a:lnTo>
                  <a:lnTo>
                    <a:pt x="1360" y="61"/>
                  </a:lnTo>
                  <a:lnTo>
                    <a:pt x="1360" y="61"/>
                  </a:lnTo>
                  <a:lnTo>
                    <a:pt x="1360" y="61"/>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0" name="Freeform 18"/>
            <p:cNvSpPr>
              <a:spLocks/>
            </p:cNvSpPr>
            <p:nvPr/>
          </p:nvSpPr>
          <p:spPr bwMode="auto">
            <a:xfrm>
              <a:off x="2102" y="2276"/>
              <a:ext cx="186" cy="114"/>
            </a:xfrm>
            <a:custGeom>
              <a:avLst/>
              <a:gdLst/>
              <a:ahLst/>
              <a:cxnLst>
                <a:cxn ang="0">
                  <a:pos x="171" y="42"/>
                </a:cxn>
                <a:cxn ang="0">
                  <a:pos x="163" y="38"/>
                </a:cxn>
                <a:cxn ang="0">
                  <a:pos x="152" y="34"/>
                </a:cxn>
                <a:cxn ang="0">
                  <a:pos x="140" y="30"/>
                </a:cxn>
                <a:cxn ang="0">
                  <a:pos x="129" y="30"/>
                </a:cxn>
                <a:cxn ang="0">
                  <a:pos x="125" y="19"/>
                </a:cxn>
                <a:cxn ang="0">
                  <a:pos x="117" y="15"/>
                </a:cxn>
                <a:cxn ang="0">
                  <a:pos x="110" y="8"/>
                </a:cxn>
                <a:cxn ang="0">
                  <a:pos x="102" y="4"/>
                </a:cxn>
                <a:cxn ang="0">
                  <a:pos x="91" y="0"/>
                </a:cxn>
                <a:cxn ang="0">
                  <a:pos x="83" y="0"/>
                </a:cxn>
                <a:cxn ang="0">
                  <a:pos x="72" y="4"/>
                </a:cxn>
                <a:cxn ang="0">
                  <a:pos x="68" y="11"/>
                </a:cxn>
                <a:cxn ang="0">
                  <a:pos x="64" y="19"/>
                </a:cxn>
                <a:cxn ang="0">
                  <a:pos x="61" y="27"/>
                </a:cxn>
                <a:cxn ang="0">
                  <a:pos x="49" y="27"/>
                </a:cxn>
                <a:cxn ang="0">
                  <a:pos x="42" y="30"/>
                </a:cxn>
                <a:cxn ang="0">
                  <a:pos x="34" y="30"/>
                </a:cxn>
                <a:cxn ang="0">
                  <a:pos x="26" y="34"/>
                </a:cxn>
                <a:cxn ang="0">
                  <a:pos x="19" y="38"/>
                </a:cxn>
                <a:cxn ang="0">
                  <a:pos x="15" y="42"/>
                </a:cxn>
                <a:cxn ang="0">
                  <a:pos x="7" y="46"/>
                </a:cxn>
                <a:cxn ang="0">
                  <a:pos x="0" y="49"/>
                </a:cxn>
                <a:cxn ang="0">
                  <a:pos x="0" y="49"/>
                </a:cxn>
                <a:cxn ang="0">
                  <a:pos x="0" y="53"/>
                </a:cxn>
                <a:cxn ang="0">
                  <a:pos x="4" y="61"/>
                </a:cxn>
                <a:cxn ang="0">
                  <a:pos x="11" y="65"/>
                </a:cxn>
                <a:cxn ang="0">
                  <a:pos x="19" y="68"/>
                </a:cxn>
                <a:cxn ang="0">
                  <a:pos x="23" y="72"/>
                </a:cxn>
                <a:cxn ang="0">
                  <a:pos x="30" y="76"/>
                </a:cxn>
                <a:cxn ang="0">
                  <a:pos x="38" y="76"/>
                </a:cxn>
                <a:cxn ang="0">
                  <a:pos x="45" y="80"/>
                </a:cxn>
                <a:cxn ang="0">
                  <a:pos x="53" y="84"/>
                </a:cxn>
                <a:cxn ang="0">
                  <a:pos x="53" y="91"/>
                </a:cxn>
                <a:cxn ang="0">
                  <a:pos x="61" y="99"/>
                </a:cxn>
                <a:cxn ang="0">
                  <a:pos x="68" y="106"/>
                </a:cxn>
                <a:cxn ang="0">
                  <a:pos x="80" y="114"/>
                </a:cxn>
                <a:cxn ang="0">
                  <a:pos x="87" y="114"/>
                </a:cxn>
                <a:cxn ang="0">
                  <a:pos x="95" y="114"/>
                </a:cxn>
                <a:cxn ang="0">
                  <a:pos x="102" y="110"/>
                </a:cxn>
                <a:cxn ang="0">
                  <a:pos x="114" y="103"/>
                </a:cxn>
                <a:cxn ang="0">
                  <a:pos x="117" y="95"/>
                </a:cxn>
                <a:cxn ang="0">
                  <a:pos x="125" y="95"/>
                </a:cxn>
                <a:cxn ang="0">
                  <a:pos x="140" y="99"/>
                </a:cxn>
                <a:cxn ang="0">
                  <a:pos x="148" y="99"/>
                </a:cxn>
                <a:cxn ang="0">
                  <a:pos x="159" y="95"/>
                </a:cxn>
                <a:cxn ang="0">
                  <a:pos x="171" y="91"/>
                </a:cxn>
                <a:cxn ang="0">
                  <a:pos x="174" y="84"/>
                </a:cxn>
                <a:cxn ang="0">
                  <a:pos x="182" y="72"/>
                </a:cxn>
                <a:cxn ang="0">
                  <a:pos x="186" y="61"/>
                </a:cxn>
                <a:cxn ang="0">
                  <a:pos x="178" y="49"/>
                </a:cxn>
                <a:cxn ang="0">
                  <a:pos x="171" y="42"/>
                </a:cxn>
                <a:cxn ang="0">
                  <a:pos x="171" y="42"/>
                </a:cxn>
              </a:cxnLst>
              <a:rect l="0" t="0" r="r" b="b"/>
              <a:pathLst>
                <a:path w="186" h="114">
                  <a:moveTo>
                    <a:pt x="171" y="42"/>
                  </a:moveTo>
                  <a:lnTo>
                    <a:pt x="163" y="38"/>
                  </a:lnTo>
                  <a:lnTo>
                    <a:pt x="152" y="34"/>
                  </a:lnTo>
                  <a:lnTo>
                    <a:pt x="140" y="30"/>
                  </a:lnTo>
                  <a:lnTo>
                    <a:pt x="129" y="30"/>
                  </a:lnTo>
                  <a:lnTo>
                    <a:pt x="125" y="19"/>
                  </a:lnTo>
                  <a:lnTo>
                    <a:pt x="117" y="15"/>
                  </a:lnTo>
                  <a:lnTo>
                    <a:pt x="110" y="8"/>
                  </a:lnTo>
                  <a:lnTo>
                    <a:pt x="102" y="4"/>
                  </a:lnTo>
                  <a:lnTo>
                    <a:pt x="91" y="0"/>
                  </a:lnTo>
                  <a:lnTo>
                    <a:pt x="83" y="0"/>
                  </a:lnTo>
                  <a:lnTo>
                    <a:pt x="72" y="4"/>
                  </a:lnTo>
                  <a:lnTo>
                    <a:pt x="68" y="11"/>
                  </a:lnTo>
                  <a:lnTo>
                    <a:pt x="64" y="19"/>
                  </a:lnTo>
                  <a:lnTo>
                    <a:pt x="61" y="27"/>
                  </a:lnTo>
                  <a:lnTo>
                    <a:pt x="49" y="27"/>
                  </a:lnTo>
                  <a:lnTo>
                    <a:pt x="42" y="30"/>
                  </a:lnTo>
                  <a:lnTo>
                    <a:pt x="34" y="30"/>
                  </a:lnTo>
                  <a:lnTo>
                    <a:pt x="26" y="34"/>
                  </a:lnTo>
                  <a:lnTo>
                    <a:pt x="19" y="38"/>
                  </a:lnTo>
                  <a:lnTo>
                    <a:pt x="15" y="42"/>
                  </a:lnTo>
                  <a:lnTo>
                    <a:pt x="7" y="46"/>
                  </a:lnTo>
                  <a:lnTo>
                    <a:pt x="0" y="49"/>
                  </a:lnTo>
                  <a:lnTo>
                    <a:pt x="0" y="49"/>
                  </a:lnTo>
                  <a:lnTo>
                    <a:pt x="0" y="53"/>
                  </a:lnTo>
                  <a:lnTo>
                    <a:pt x="4" y="61"/>
                  </a:lnTo>
                  <a:lnTo>
                    <a:pt x="11" y="65"/>
                  </a:lnTo>
                  <a:lnTo>
                    <a:pt x="19" y="68"/>
                  </a:lnTo>
                  <a:lnTo>
                    <a:pt x="23" y="72"/>
                  </a:lnTo>
                  <a:lnTo>
                    <a:pt x="30" y="76"/>
                  </a:lnTo>
                  <a:lnTo>
                    <a:pt x="38" y="76"/>
                  </a:lnTo>
                  <a:lnTo>
                    <a:pt x="45" y="80"/>
                  </a:lnTo>
                  <a:lnTo>
                    <a:pt x="53" y="84"/>
                  </a:lnTo>
                  <a:lnTo>
                    <a:pt x="53" y="91"/>
                  </a:lnTo>
                  <a:lnTo>
                    <a:pt x="61" y="99"/>
                  </a:lnTo>
                  <a:lnTo>
                    <a:pt x="68" y="106"/>
                  </a:lnTo>
                  <a:lnTo>
                    <a:pt x="80" y="114"/>
                  </a:lnTo>
                  <a:lnTo>
                    <a:pt x="87" y="114"/>
                  </a:lnTo>
                  <a:lnTo>
                    <a:pt x="95" y="114"/>
                  </a:lnTo>
                  <a:lnTo>
                    <a:pt x="102" y="110"/>
                  </a:lnTo>
                  <a:lnTo>
                    <a:pt x="114" y="103"/>
                  </a:lnTo>
                  <a:lnTo>
                    <a:pt x="117" y="95"/>
                  </a:lnTo>
                  <a:lnTo>
                    <a:pt x="125" y="95"/>
                  </a:lnTo>
                  <a:lnTo>
                    <a:pt x="140" y="99"/>
                  </a:lnTo>
                  <a:lnTo>
                    <a:pt x="148" y="99"/>
                  </a:lnTo>
                  <a:lnTo>
                    <a:pt x="159" y="95"/>
                  </a:lnTo>
                  <a:lnTo>
                    <a:pt x="171" y="91"/>
                  </a:lnTo>
                  <a:lnTo>
                    <a:pt x="174" y="84"/>
                  </a:lnTo>
                  <a:lnTo>
                    <a:pt x="182" y="72"/>
                  </a:lnTo>
                  <a:lnTo>
                    <a:pt x="186" y="61"/>
                  </a:lnTo>
                  <a:lnTo>
                    <a:pt x="178" y="49"/>
                  </a:lnTo>
                  <a:lnTo>
                    <a:pt x="171" y="42"/>
                  </a:lnTo>
                  <a:lnTo>
                    <a:pt x="171" y="42"/>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1" name="Freeform 19"/>
            <p:cNvSpPr>
              <a:spLocks/>
            </p:cNvSpPr>
            <p:nvPr/>
          </p:nvSpPr>
          <p:spPr bwMode="auto">
            <a:xfrm>
              <a:off x="1988" y="836"/>
              <a:ext cx="1800" cy="1687"/>
            </a:xfrm>
            <a:custGeom>
              <a:avLst/>
              <a:gdLst/>
              <a:ahLst/>
              <a:cxnLst>
                <a:cxn ang="0">
                  <a:pos x="1649" y="103"/>
                </a:cxn>
                <a:cxn ang="0">
                  <a:pos x="1565" y="240"/>
                </a:cxn>
                <a:cxn ang="0">
                  <a:pos x="1508" y="384"/>
                </a:cxn>
                <a:cxn ang="0">
                  <a:pos x="1455" y="521"/>
                </a:cxn>
                <a:cxn ang="0">
                  <a:pos x="1402" y="657"/>
                </a:cxn>
                <a:cxn ang="0">
                  <a:pos x="1356" y="798"/>
                </a:cxn>
                <a:cxn ang="0">
                  <a:pos x="1326" y="942"/>
                </a:cxn>
                <a:cxn ang="0">
                  <a:pos x="1314" y="1064"/>
                </a:cxn>
                <a:cxn ang="0">
                  <a:pos x="1314" y="1186"/>
                </a:cxn>
                <a:cxn ang="0">
                  <a:pos x="1318" y="1284"/>
                </a:cxn>
                <a:cxn ang="0">
                  <a:pos x="1307" y="1425"/>
                </a:cxn>
                <a:cxn ang="0">
                  <a:pos x="1196" y="1508"/>
                </a:cxn>
                <a:cxn ang="0">
                  <a:pos x="1063" y="1524"/>
                </a:cxn>
                <a:cxn ang="0">
                  <a:pos x="919" y="1531"/>
                </a:cxn>
                <a:cxn ang="0">
                  <a:pos x="779" y="1539"/>
                </a:cxn>
                <a:cxn ang="0">
                  <a:pos x="634" y="1543"/>
                </a:cxn>
                <a:cxn ang="0">
                  <a:pos x="505" y="1531"/>
                </a:cxn>
                <a:cxn ang="0">
                  <a:pos x="535" y="1387"/>
                </a:cxn>
                <a:cxn ang="0">
                  <a:pos x="478" y="1398"/>
                </a:cxn>
                <a:cxn ang="0">
                  <a:pos x="444" y="1520"/>
                </a:cxn>
                <a:cxn ang="0">
                  <a:pos x="425" y="1634"/>
                </a:cxn>
                <a:cxn ang="0">
                  <a:pos x="262" y="1603"/>
                </a:cxn>
                <a:cxn ang="0">
                  <a:pos x="95" y="1577"/>
                </a:cxn>
                <a:cxn ang="0">
                  <a:pos x="83" y="1448"/>
                </a:cxn>
                <a:cxn ang="0">
                  <a:pos x="148" y="1315"/>
                </a:cxn>
                <a:cxn ang="0">
                  <a:pos x="281" y="1296"/>
                </a:cxn>
                <a:cxn ang="0">
                  <a:pos x="425" y="1315"/>
                </a:cxn>
                <a:cxn ang="0">
                  <a:pos x="535" y="1303"/>
                </a:cxn>
                <a:cxn ang="0">
                  <a:pos x="391" y="1227"/>
                </a:cxn>
                <a:cxn ang="0">
                  <a:pos x="296" y="1208"/>
                </a:cxn>
                <a:cxn ang="0">
                  <a:pos x="201" y="1205"/>
                </a:cxn>
                <a:cxn ang="0">
                  <a:pos x="72" y="1281"/>
                </a:cxn>
                <a:cxn ang="0">
                  <a:pos x="30" y="1387"/>
                </a:cxn>
                <a:cxn ang="0">
                  <a:pos x="11" y="1489"/>
                </a:cxn>
                <a:cxn ang="0">
                  <a:pos x="15" y="1615"/>
                </a:cxn>
                <a:cxn ang="0">
                  <a:pos x="133" y="1641"/>
                </a:cxn>
                <a:cxn ang="0">
                  <a:pos x="228" y="1653"/>
                </a:cxn>
                <a:cxn ang="0">
                  <a:pos x="323" y="1664"/>
                </a:cxn>
                <a:cxn ang="0">
                  <a:pos x="418" y="1676"/>
                </a:cxn>
                <a:cxn ang="0">
                  <a:pos x="490" y="1600"/>
                </a:cxn>
                <a:cxn ang="0">
                  <a:pos x="608" y="1592"/>
                </a:cxn>
                <a:cxn ang="0">
                  <a:pos x="748" y="1611"/>
                </a:cxn>
                <a:cxn ang="0">
                  <a:pos x="889" y="1611"/>
                </a:cxn>
                <a:cxn ang="0">
                  <a:pos x="1037" y="1600"/>
                </a:cxn>
                <a:cxn ang="0">
                  <a:pos x="1181" y="1588"/>
                </a:cxn>
                <a:cxn ang="0">
                  <a:pos x="1307" y="1562"/>
                </a:cxn>
                <a:cxn ang="0">
                  <a:pos x="1394" y="1478"/>
                </a:cxn>
                <a:cxn ang="0">
                  <a:pos x="1390" y="1356"/>
                </a:cxn>
                <a:cxn ang="0">
                  <a:pos x="1371" y="1224"/>
                </a:cxn>
                <a:cxn ang="0">
                  <a:pos x="1364" y="1117"/>
                </a:cxn>
                <a:cxn ang="0">
                  <a:pos x="1371" y="1003"/>
                </a:cxn>
                <a:cxn ang="0">
                  <a:pos x="1390" y="885"/>
                </a:cxn>
                <a:cxn ang="0">
                  <a:pos x="1421" y="775"/>
                </a:cxn>
                <a:cxn ang="0">
                  <a:pos x="1459" y="661"/>
                </a:cxn>
                <a:cxn ang="0">
                  <a:pos x="1519" y="521"/>
                </a:cxn>
                <a:cxn ang="0">
                  <a:pos x="1576" y="384"/>
                </a:cxn>
                <a:cxn ang="0">
                  <a:pos x="1626" y="270"/>
                </a:cxn>
                <a:cxn ang="0">
                  <a:pos x="1675" y="175"/>
                </a:cxn>
                <a:cxn ang="0">
                  <a:pos x="1766" y="88"/>
                </a:cxn>
                <a:cxn ang="0">
                  <a:pos x="1762" y="4"/>
                </a:cxn>
              </a:cxnLst>
              <a:rect l="0" t="0" r="r" b="b"/>
              <a:pathLst>
                <a:path w="1800" h="1687">
                  <a:moveTo>
                    <a:pt x="1762" y="4"/>
                  </a:moveTo>
                  <a:lnTo>
                    <a:pt x="1751" y="12"/>
                  </a:lnTo>
                  <a:lnTo>
                    <a:pt x="1740" y="19"/>
                  </a:lnTo>
                  <a:lnTo>
                    <a:pt x="1728" y="27"/>
                  </a:lnTo>
                  <a:lnTo>
                    <a:pt x="1721" y="34"/>
                  </a:lnTo>
                  <a:lnTo>
                    <a:pt x="1709" y="42"/>
                  </a:lnTo>
                  <a:lnTo>
                    <a:pt x="1702" y="50"/>
                  </a:lnTo>
                  <a:lnTo>
                    <a:pt x="1694" y="57"/>
                  </a:lnTo>
                  <a:lnTo>
                    <a:pt x="1686" y="65"/>
                  </a:lnTo>
                  <a:lnTo>
                    <a:pt x="1675" y="72"/>
                  </a:lnTo>
                  <a:lnTo>
                    <a:pt x="1667" y="80"/>
                  </a:lnTo>
                  <a:lnTo>
                    <a:pt x="1660" y="88"/>
                  </a:lnTo>
                  <a:lnTo>
                    <a:pt x="1652" y="95"/>
                  </a:lnTo>
                  <a:lnTo>
                    <a:pt x="1649" y="103"/>
                  </a:lnTo>
                  <a:lnTo>
                    <a:pt x="1641" y="114"/>
                  </a:lnTo>
                  <a:lnTo>
                    <a:pt x="1633" y="122"/>
                  </a:lnTo>
                  <a:lnTo>
                    <a:pt x="1626" y="133"/>
                  </a:lnTo>
                  <a:lnTo>
                    <a:pt x="1622" y="137"/>
                  </a:lnTo>
                  <a:lnTo>
                    <a:pt x="1614" y="148"/>
                  </a:lnTo>
                  <a:lnTo>
                    <a:pt x="1607" y="156"/>
                  </a:lnTo>
                  <a:lnTo>
                    <a:pt x="1603" y="167"/>
                  </a:lnTo>
                  <a:lnTo>
                    <a:pt x="1595" y="175"/>
                  </a:lnTo>
                  <a:lnTo>
                    <a:pt x="1592" y="186"/>
                  </a:lnTo>
                  <a:lnTo>
                    <a:pt x="1584" y="198"/>
                  </a:lnTo>
                  <a:lnTo>
                    <a:pt x="1580" y="209"/>
                  </a:lnTo>
                  <a:lnTo>
                    <a:pt x="1576" y="217"/>
                  </a:lnTo>
                  <a:lnTo>
                    <a:pt x="1573" y="228"/>
                  </a:lnTo>
                  <a:lnTo>
                    <a:pt x="1565" y="240"/>
                  </a:lnTo>
                  <a:lnTo>
                    <a:pt x="1561" y="251"/>
                  </a:lnTo>
                  <a:lnTo>
                    <a:pt x="1557" y="262"/>
                  </a:lnTo>
                  <a:lnTo>
                    <a:pt x="1550" y="270"/>
                  </a:lnTo>
                  <a:lnTo>
                    <a:pt x="1546" y="285"/>
                  </a:lnTo>
                  <a:lnTo>
                    <a:pt x="1542" y="297"/>
                  </a:lnTo>
                  <a:lnTo>
                    <a:pt x="1538" y="304"/>
                  </a:lnTo>
                  <a:lnTo>
                    <a:pt x="1535" y="316"/>
                  </a:lnTo>
                  <a:lnTo>
                    <a:pt x="1531" y="323"/>
                  </a:lnTo>
                  <a:lnTo>
                    <a:pt x="1527" y="335"/>
                  </a:lnTo>
                  <a:lnTo>
                    <a:pt x="1523" y="342"/>
                  </a:lnTo>
                  <a:lnTo>
                    <a:pt x="1519" y="354"/>
                  </a:lnTo>
                  <a:lnTo>
                    <a:pt x="1516" y="365"/>
                  </a:lnTo>
                  <a:lnTo>
                    <a:pt x="1512" y="373"/>
                  </a:lnTo>
                  <a:lnTo>
                    <a:pt x="1508" y="384"/>
                  </a:lnTo>
                  <a:lnTo>
                    <a:pt x="1504" y="395"/>
                  </a:lnTo>
                  <a:lnTo>
                    <a:pt x="1500" y="403"/>
                  </a:lnTo>
                  <a:lnTo>
                    <a:pt x="1497" y="414"/>
                  </a:lnTo>
                  <a:lnTo>
                    <a:pt x="1493" y="422"/>
                  </a:lnTo>
                  <a:lnTo>
                    <a:pt x="1489" y="433"/>
                  </a:lnTo>
                  <a:lnTo>
                    <a:pt x="1485" y="441"/>
                  </a:lnTo>
                  <a:lnTo>
                    <a:pt x="1481" y="452"/>
                  </a:lnTo>
                  <a:lnTo>
                    <a:pt x="1478" y="460"/>
                  </a:lnTo>
                  <a:lnTo>
                    <a:pt x="1474" y="471"/>
                  </a:lnTo>
                  <a:lnTo>
                    <a:pt x="1470" y="479"/>
                  </a:lnTo>
                  <a:lnTo>
                    <a:pt x="1466" y="490"/>
                  </a:lnTo>
                  <a:lnTo>
                    <a:pt x="1462" y="502"/>
                  </a:lnTo>
                  <a:lnTo>
                    <a:pt x="1459" y="509"/>
                  </a:lnTo>
                  <a:lnTo>
                    <a:pt x="1455" y="521"/>
                  </a:lnTo>
                  <a:lnTo>
                    <a:pt x="1451" y="532"/>
                  </a:lnTo>
                  <a:lnTo>
                    <a:pt x="1447" y="540"/>
                  </a:lnTo>
                  <a:lnTo>
                    <a:pt x="1443" y="551"/>
                  </a:lnTo>
                  <a:lnTo>
                    <a:pt x="1440" y="559"/>
                  </a:lnTo>
                  <a:lnTo>
                    <a:pt x="1436" y="570"/>
                  </a:lnTo>
                  <a:lnTo>
                    <a:pt x="1432" y="581"/>
                  </a:lnTo>
                  <a:lnTo>
                    <a:pt x="1428" y="589"/>
                  </a:lnTo>
                  <a:lnTo>
                    <a:pt x="1424" y="600"/>
                  </a:lnTo>
                  <a:lnTo>
                    <a:pt x="1421" y="608"/>
                  </a:lnTo>
                  <a:lnTo>
                    <a:pt x="1417" y="619"/>
                  </a:lnTo>
                  <a:lnTo>
                    <a:pt x="1413" y="627"/>
                  </a:lnTo>
                  <a:lnTo>
                    <a:pt x="1409" y="638"/>
                  </a:lnTo>
                  <a:lnTo>
                    <a:pt x="1405" y="650"/>
                  </a:lnTo>
                  <a:lnTo>
                    <a:pt x="1402" y="657"/>
                  </a:lnTo>
                  <a:lnTo>
                    <a:pt x="1398" y="665"/>
                  </a:lnTo>
                  <a:lnTo>
                    <a:pt x="1394" y="676"/>
                  </a:lnTo>
                  <a:lnTo>
                    <a:pt x="1394" y="688"/>
                  </a:lnTo>
                  <a:lnTo>
                    <a:pt x="1390" y="695"/>
                  </a:lnTo>
                  <a:lnTo>
                    <a:pt x="1386" y="707"/>
                  </a:lnTo>
                  <a:lnTo>
                    <a:pt x="1383" y="718"/>
                  </a:lnTo>
                  <a:lnTo>
                    <a:pt x="1379" y="726"/>
                  </a:lnTo>
                  <a:lnTo>
                    <a:pt x="1375" y="737"/>
                  </a:lnTo>
                  <a:lnTo>
                    <a:pt x="1371" y="745"/>
                  </a:lnTo>
                  <a:lnTo>
                    <a:pt x="1367" y="756"/>
                  </a:lnTo>
                  <a:lnTo>
                    <a:pt x="1367" y="768"/>
                  </a:lnTo>
                  <a:lnTo>
                    <a:pt x="1364" y="779"/>
                  </a:lnTo>
                  <a:lnTo>
                    <a:pt x="1360" y="787"/>
                  </a:lnTo>
                  <a:lnTo>
                    <a:pt x="1356" y="798"/>
                  </a:lnTo>
                  <a:lnTo>
                    <a:pt x="1356" y="809"/>
                  </a:lnTo>
                  <a:lnTo>
                    <a:pt x="1352" y="817"/>
                  </a:lnTo>
                  <a:lnTo>
                    <a:pt x="1348" y="828"/>
                  </a:lnTo>
                  <a:lnTo>
                    <a:pt x="1345" y="840"/>
                  </a:lnTo>
                  <a:lnTo>
                    <a:pt x="1345" y="851"/>
                  </a:lnTo>
                  <a:lnTo>
                    <a:pt x="1341" y="859"/>
                  </a:lnTo>
                  <a:lnTo>
                    <a:pt x="1341" y="870"/>
                  </a:lnTo>
                  <a:lnTo>
                    <a:pt x="1337" y="882"/>
                  </a:lnTo>
                  <a:lnTo>
                    <a:pt x="1337" y="893"/>
                  </a:lnTo>
                  <a:lnTo>
                    <a:pt x="1333" y="901"/>
                  </a:lnTo>
                  <a:lnTo>
                    <a:pt x="1333" y="912"/>
                  </a:lnTo>
                  <a:lnTo>
                    <a:pt x="1329" y="923"/>
                  </a:lnTo>
                  <a:lnTo>
                    <a:pt x="1329" y="935"/>
                  </a:lnTo>
                  <a:lnTo>
                    <a:pt x="1326" y="942"/>
                  </a:lnTo>
                  <a:lnTo>
                    <a:pt x="1326" y="950"/>
                  </a:lnTo>
                  <a:lnTo>
                    <a:pt x="1322" y="958"/>
                  </a:lnTo>
                  <a:lnTo>
                    <a:pt x="1322" y="969"/>
                  </a:lnTo>
                  <a:lnTo>
                    <a:pt x="1322" y="977"/>
                  </a:lnTo>
                  <a:lnTo>
                    <a:pt x="1318" y="984"/>
                  </a:lnTo>
                  <a:lnTo>
                    <a:pt x="1318" y="992"/>
                  </a:lnTo>
                  <a:lnTo>
                    <a:pt x="1318" y="1003"/>
                  </a:lnTo>
                  <a:lnTo>
                    <a:pt x="1318" y="1011"/>
                  </a:lnTo>
                  <a:lnTo>
                    <a:pt x="1314" y="1018"/>
                  </a:lnTo>
                  <a:lnTo>
                    <a:pt x="1314" y="1026"/>
                  </a:lnTo>
                  <a:lnTo>
                    <a:pt x="1314" y="1037"/>
                  </a:lnTo>
                  <a:lnTo>
                    <a:pt x="1314" y="1045"/>
                  </a:lnTo>
                  <a:lnTo>
                    <a:pt x="1314" y="1056"/>
                  </a:lnTo>
                  <a:lnTo>
                    <a:pt x="1314" y="1064"/>
                  </a:lnTo>
                  <a:lnTo>
                    <a:pt x="1314" y="1072"/>
                  </a:lnTo>
                  <a:lnTo>
                    <a:pt x="1314" y="1079"/>
                  </a:lnTo>
                  <a:lnTo>
                    <a:pt x="1314" y="1091"/>
                  </a:lnTo>
                  <a:lnTo>
                    <a:pt x="1314" y="1098"/>
                  </a:lnTo>
                  <a:lnTo>
                    <a:pt x="1314" y="1106"/>
                  </a:lnTo>
                  <a:lnTo>
                    <a:pt x="1314" y="1113"/>
                  </a:lnTo>
                  <a:lnTo>
                    <a:pt x="1314" y="1125"/>
                  </a:lnTo>
                  <a:lnTo>
                    <a:pt x="1314" y="1132"/>
                  </a:lnTo>
                  <a:lnTo>
                    <a:pt x="1314" y="1140"/>
                  </a:lnTo>
                  <a:lnTo>
                    <a:pt x="1314" y="1148"/>
                  </a:lnTo>
                  <a:lnTo>
                    <a:pt x="1314" y="1159"/>
                  </a:lnTo>
                  <a:lnTo>
                    <a:pt x="1314" y="1167"/>
                  </a:lnTo>
                  <a:lnTo>
                    <a:pt x="1314" y="1174"/>
                  </a:lnTo>
                  <a:lnTo>
                    <a:pt x="1314" y="1186"/>
                  </a:lnTo>
                  <a:lnTo>
                    <a:pt x="1314" y="1193"/>
                  </a:lnTo>
                  <a:lnTo>
                    <a:pt x="1314" y="1201"/>
                  </a:lnTo>
                  <a:lnTo>
                    <a:pt x="1314" y="1212"/>
                  </a:lnTo>
                  <a:lnTo>
                    <a:pt x="1314" y="1216"/>
                  </a:lnTo>
                  <a:lnTo>
                    <a:pt x="1314" y="1224"/>
                  </a:lnTo>
                  <a:lnTo>
                    <a:pt x="1314" y="1231"/>
                  </a:lnTo>
                  <a:lnTo>
                    <a:pt x="1314" y="1239"/>
                  </a:lnTo>
                  <a:lnTo>
                    <a:pt x="1314" y="1243"/>
                  </a:lnTo>
                  <a:lnTo>
                    <a:pt x="1314" y="1250"/>
                  </a:lnTo>
                  <a:lnTo>
                    <a:pt x="1314" y="1258"/>
                  </a:lnTo>
                  <a:lnTo>
                    <a:pt x="1318" y="1265"/>
                  </a:lnTo>
                  <a:lnTo>
                    <a:pt x="1318" y="1269"/>
                  </a:lnTo>
                  <a:lnTo>
                    <a:pt x="1318" y="1277"/>
                  </a:lnTo>
                  <a:lnTo>
                    <a:pt x="1318" y="1284"/>
                  </a:lnTo>
                  <a:lnTo>
                    <a:pt x="1318" y="1292"/>
                  </a:lnTo>
                  <a:lnTo>
                    <a:pt x="1318" y="1296"/>
                  </a:lnTo>
                  <a:lnTo>
                    <a:pt x="1318" y="1303"/>
                  </a:lnTo>
                  <a:lnTo>
                    <a:pt x="1318" y="1311"/>
                  </a:lnTo>
                  <a:lnTo>
                    <a:pt x="1318" y="1319"/>
                  </a:lnTo>
                  <a:lnTo>
                    <a:pt x="1318" y="1330"/>
                  </a:lnTo>
                  <a:lnTo>
                    <a:pt x="1318" y="1345"/>
                  </a:lnTo>
                  <a:lnTo>
                    <a:pt x="1318" y="1356"/>
                  </a:lnTo>
                  <a:lnTo>
                    <a:pt x="1318" y="1368"/>
                  </a:lnTo>
                  <a:lnTo>
                    <a:pt x="1314" y="1379"/>
                  </a:lnTo>
                  <a:lnTo>
                    <a:pt x="1314" y="1391"/>
                  </a:lnTo>
                  <a:lnTo>
                    <a:pt x="1314" y="1402"/>
                  </a:lnTo>
                  <a:lnTo>
                    <a:pt x="1310" y="1413"/>
                  </a:lnTo>
                  <a:lnTo>
                    <a:pt x="1307" y="1425"/>
                  </a:lnTo>
                  <a:lnTo>
                    <a:pt x="1303" y="1432"/>
                  </a:lnTo>
                  <a:lnTo>
                    <a:pt x="1299" y="1440"/>
                  </a:lnTo>
                  <a:lnTo>
                    <a:pt x="1291" y="1451"/>
                  </a:lnTo>
                  <a:lnTo>
                    <a:pt x="1288" y="1459"/>
                  </a:lnTo>
                  <a:lnTo>
                    <a:pt x="1280" y="1467"/>
                  </a:lnTo>
                  <a:lnTo>
                    <a:pt x="1272" y="1474"/>
                  </a:lnTo>
                  <a:lnTo>
                    <a:pt x="1265" y="1482"/>
                  </a:lnTo>
                  <a:lnTo>
                    <a:pt x="1253" y="1486"/>
                  </a:lnTo>
                  <a:lnTo>
                    <a:pt x="1242" y="1493"/>
                  </a:lnTo>
                  <a:lnTo>
                    <a:pt x="1231" y="1497"/>
                  </a:lnTo>
                  <a:lnTo>
                    <a:pt x="1219" y="1505"/>
                  </a:lnTo>
                  <a:lnTo>
                    <a:pt x="1212" y="1505"/>
                  </a:lnTo>
                  <a:lnTo>
                    <a:pt x="1204" y="1508"/>
                  </a:lnTo>
                  <a:lnTo>
                    <a:pt x="1196" y="1508"/>
                  </a:lnTo>
                  <a:lnTo>
                    <a:pt x="1189" y="1512"/>
                  </a:lnTo>
                  <a:lnTo>
                    <a:pt x="1181" y="1512"/>
                  </a:lnTo>
                  <a:lnTo>
                    <a:pt x="1174" y="1512"/>
                  </a:lnTo>
                  <a:lnTo>
                    <a:pt x="1166" y="1512"/>
                  </a:lnTo>
                  <a:lnTo>
                    <a:pt x="1158" y="1516"/>
                  </a:lnTo>
                  <a:lnTo>
                    <a:pt x="1147" y="1516"/>
                  </a:lnTo>
                  <a:lnTo>
                    <a:pt x="1136" y="1516"/>
                  </a:lnTo>
                  <a:lnTo>
                    <a:pt x="1124" y="1516"/>
                  </a:lnTo>
                  <a:lnTo>
                    <a:pt x="1117" y="1520"/>
                  </a:lnTo>
                  <a:lnTo>
                    <a:pt x="1105" y="1520"/>
                  </a:lnTo>
                  <a:lnTo>
                    <a:pt x="1094" y="1520"/>
                  </a:lnTo>
                  <a:lnTo>
                    <a:pt x="1086" y="1520"/>
                  </a:lnTo>
                  <a:lnTo>
                    <a:pt x="1075" y="1524"/>
                  </a:lnTo>
                  <a:lnTo>
                    <a:pt x="1063" y="1524"/>
                  </a:lnTo>
                  <a:lnTo>
                    <a:pt x="1052" y="1524"/>
                  </a:lnTo>
                  <a:lnTo>
                    <a:pt x="1041" y="1524"/>
                  </a:lnTo>
                  <a:lnTo>
                    <a:pt x="1033" y="1527"/>
                  </a:lnTo>
                  <a:lnTo>
                    <a:pt x="1022" y="1527"/>
                  </a:lnTo>
                  <a:lnTo>
                    <a:pt x="1010" y="1527"/>
                  </a:lnTo>
                  <a:lnTo>
                    <a:pt x="1003" y="1527"/>
                  </a:lnTo>
                  <a:lnTo>
                    <a:pt x="991" y="1531"/>
                  </a:lnTo>
                  <a:lnTo>
                    <a:pt x="980" y="1531"/>
                  </a:lnTo>
                  <a:lnTo>
                    <a:pt x="968" y="1531"/>
                  </a:lnTo>
                  <a:lnTo>
                    <a:pt x="961" y="1531"/>
                  </a:lnTo>
                  <a:lnTo>
                    <a:pt x="949" y="1531"/>
                  </a:lnTo>
                  <a:lnTo>
                    <a:pt x="938" y="1531"/>
                  </a:lnTo>
                  <a:lnTo>
                    <a:pt x="931" y="1531"/>
                  </a:lnTo>
                  <a:lnTo>
                    <a:pt x="919" y="1531"/>
                  </a:lnTo>
                  <a:lnTo>
                    <a:pt x="908" y="1535"/>
                  </a:lnTo>
                  <a:lnTo>
                    <a:pt x="900" y="1535"/>
                  </a:lnTo>
                  <a:lnTo>
                    <a:pt x="889" y="1535"/>
                  </a:lnTo>
                  <a:lnTo>
                    <a:pt x="877" y="1535"/>
                  </a:lnTo>
                  <a:lnTo>
                    <a:pt x="870" y="1535"/>
                  </a:lnTo>
                  <a:lnTo>
                    <a:pt x="858" y="1535"/>
                  </a:lnTo>
                  <a:lnTo>
                    <a:pt x="847" y="1535"/>
                  </a:lnTo>
                  <a:lnTo>
                    <a:pt x="839" y="1539"/>
                  </a:lnTo>
                  <a:lnTo>
                    <a:pt x="828" y="1539"/>
                  </a:lnTo>
                  <a:lnTo>
                    <a:pt x="817" y="1539"/>
                  </a:lnTo>
                  <a:lnTo>
                    <a:pt x="805" y="1539"/>
                  </a:lnTo>
                  <a:lnTo>
                    <a:pt x="798" y="1539"/>
                  </a:lnTo>
                  <a:lnTo>
                    <a:pt x="786" y="1539"/>
                  </a:lnTo>
                  <a:lnTo>
                    <a:pt x="779" y="1539"/>
                  </a:lnTo>
                  <a:lnTo>
                    <a:pt x="767" y="1539"/>
                  </a:lnTo>
                  <a:lnTo>
                    <a:pt x="756" y="1539"/>
                  </a:lnTo>
                  <a:lnTo>
                    <a:pt x="748" y="1543"/>
                  </a:lnTo>
                  <a:lnTo>
                    <a:pt x="737" y="1543"/>
                  </a:lnTo>
                  <a:lnTo>
                    <a:pt x="725" y="1543"/>
                  </a:lnTo>
                  <a:lnTo>
                    <a:pt x="714" y="1543"/>
                  </a:lnTo>
                  <a:lnTo>
                    <a:pt x="706" y="1543"/>
                  </a:lnTo>
                  <a:lnTo>
                    <a:pt x="695" y="1543"/>
                  </a:lnTo>
                  <a:lnTo>
                    <a:pt x="684" y="1543"/>
                  </a:lnTo>
                  <a:lnTo>
                    <a:pt x="672" y="1543"/>
                  </a:lnTo>
                  <a:lnTo>
                    <a:pt x="665" y="1543"/>
                  </a:lnTo>
                  <a:lnTo>
                    <a:pt x="653" y="1543"/>
                  </a:lnTo>
                  <a:lnTo>
                    <a:pt x="642" y="1543"/>
                  </a:lnTo>
                  <a:lnTo>
                    <a:pt x="634" y="1543"/>
                  </a:lnTo>
                  <a:lnTo>
                    <a:pt x="623" y="1543"/>
                  </a:lnTo>
                  <a:lnTo>
                    <a:pt x="611" y="1543"/>
                  </a:lnTo>
                  <a:lnTo>
                    <a:pt x="600" y="1543"/>
                  </a:lnTo>
                  <a:lnTo>
                    <a:pt x="592" y="1543"/>
                  </a:lnTo>
                  <a:lnTo>
                    <a:pt x="581" y="1543"/>
                  </a:lnTo>
                  <a:lnTo>
                    <a:pt x="573" y="1543"/>
                  </a:lnTo>
                  <a:lnTo>
                    <a:pt x="562" y="1543"/>
                  </a:lnTo>
                  <a:lnTo>
                    <a:pt x="551" y="1543"/>
                  </a:lnTo>
                  <a:lnTo>
                    <a:pt x="543" y="1543"/>
                  </a:lnTo>
                  <a:lnTo>
                    <a:pt x="532" y="1543"/>
                  </a:lnTo>
                  <a:lnTo>
                    <a:pt x="520" y="1543"/>
                  </a:lnTo>
                  <a:lnTo>
                    <a:pt x="513" y="1543"/>
                  </a:lnTo>
                  <a:lnTo>
                    <a:pt x="501" y="1543"/>
                  </a:lnTo>
                  <a:lnTo>
                    <a:pt x="505" y="1531"/>
                  </a:lnTo>
                  <a:lnTo>
                    <a:pt x="505" y="1524"/>
                  </a:lnTo>
                  <a:lnTo>
                    <a:pt x="509" y="1512"/>
                  </a:lnTo>
                  <a:lnTo>
                    <a:pt x="513" y="1501"/>
                  </a:lnTo>
                  <a:lnTo>
                    <a:pt x="513" y="1489"/>
                  </a:lnTo>
                  <a:lnTo>
                    <a:pt x="516" y="1482"/>
                  </a:lnTo>
                  <a:lnTo>
                    <a:pt x="520" y="1470"/>
                  </a:lnTo>
                  <a:lnTo>
                    <a:pt x="520" y="1459"/>
                  </a:lnTo>
                  <a:lnTo>
                    <a:pt x="520" y="1451"/>
                  </a:lnTo>
                  <a:lnTo>
                    <a:pt x="524" y="1440"/>
                  </a:lnTo>
                  <a:lnTo>
                    <a:pt x="524" y="1429"/>
                  </a:lnTo>
                  <a:lnTo>
                    <a:pt x="528" y="1417"/>
                  </a:lnTo>
                  <a:lnTo>
                    <a:pt x="528" y="1406"/>
                  </a:lnTo>
                  <a:lnTo>
                    <a:pt x="532" y="1398"/>
                  </a:lnTo>
                  <a:lnTo>
                    <a:pt x="535" y="1387"/>
                  </a:lnTo>
                  <a:lnTo>
                    <a:pt x="535" y="1375"/>
                  </a:lnTo>
                  <a:lnTo>
                    <a:pt x="535" y="1372"/>
                  </a:lnTo>
                  <a:lnTo>
                    <a:pt x="532" y="1364"/>
                  </a:lnTo>
                  <a:lnTo>
                    <a:pt x="528" y="1356"/>
                  </a:lnTo>
                  <a:lnTo>
                    <a:pt x="524" y="1353"/>
                  </a:lnTo>
                  <a:lnTo>
                    <a:pt x="520" y="1353"/>
                  </a:lnTo>
                  <a:lnTo>
                    <a:pt x="513" y="1353"/>
                  </a:lnTo>
                  <a:lnTo>
                    <a:pt x="505" y="1353"/>
                  </a:lnTo>
                  <a:lnTo>
                    <a:pt x="501" y="1360"/>
                  </a:lnTo>
                  <a:lnTo>
                    <a:pt x="494" y="1368"/>
                  </a:lnTo>
                  <a:lnTo>
                    <a:pt x="490" y="1375"/>
                  </a:lnTo>
                  <a:lnTo>
                    <a:pt x="486" y="1383"/>
                  </a:lnTo>
                  <a:lnTo>
                    <a:pt x="482" y="1391"/>
                  </a:lnTo>
                  <a:lnTo>
                    <a:pt x="478" y="1398"/>
                  </a:lnTo>
                  <a:lnTo>
                    <a:pt x="475" y="1406"/>
                  </a:lnTo>
                  <a:lnTo>
                    <a:pt x="471" y="1417"/>
                  </a:lnTo>
                  <a:lnTo>
                    <a:pt x="467" y="1425"/>
                  </a:lnTo>
                  <a:lnTo>
                    <a:pt x="467" y="1432"/>
                  </a:lnTo>
                  <a:lnTo>
                    <a:pt x="463" y="1440"/>
                  </a:lnTo>
                  <a:lnTo>
                    <a:pt x="459" y="1448"/>
                  </a:lnTo>
                  <a:lnTo>
                    <a:pt x="459" y="1455"/>
                  </a:lnTo>
                  <a:lnTo>
                    <a:pt x="456" y="1467"/>
                  </a:lnTo>
                  <a:lnTo>
                    <a:pt x="456" y="1474"/>
                  </a:lnTo>
                  <a:lnTo>
                    <a:pt x="452" y="1482"/>
                  </a:lnTo>
                  <a:lnTo>
                    <a:pt x="452" y="1493"/>
                  </a:lnTo>
                  <a:lnTo>
                    <a:pt x="448" y="1501"/>
                  </a:lnTo>
                  <a:lnTo>
                    <a:pt x="448" y="1508"/>
                  </a:lnTo>
                  <a:lnTo>
                    <a:pt x="444" y="1520"/>
                  </a:lnTo>
                  <a:lnTo>
                    <a:pt x="444" y="1527"/>
                  </a:lnTo>
                  <a:lnTo>
                    <a:pt x="444" y="1535"/>
                  </a:lnTo>
                  <a:lnTo>
                    <a:pt x="444" y="1546"/>
                  </a:lnTo>
                  <a:lnTo>
                    <a:pt x="440" y="1554"/>
                  </a:lnTo>
                  <a:lnTo>
                    <a:pt x="440" y="1565"/>
                  </a:lnTo>
                  <a:lnTo>
                    <a:pt x="440" y="1573"/>
                  </a:lnTo>
                  <a:lnTo>
                    <a:pt x="440" y="1584"/>
                  </a:lnTo>
                  <a:lnTo>
                    <a:pt x="437" y="1592"/>
                  </a:lnTo>
                  <a:lnTo>
                    <a:pt x="437" y="1600"/>
                  </a:lnTo>
                  <a:lnTo>
                    <a:pt x="437" y="1607"/>
                  </a:lnTo>
                  <a:lnTo>
                    <a:pt x="437" y="1619"/>
                  </a:lnTo>
                  <a:lnTo>
                    <a:pt x="437" y="1626"/>
                  </a:lnTo>
                  <a:lnTo>
                    <a:pt x="437" y="1638"/>
                  </a:lnTo>
                  <a:lnTo>
                    <a:pt x="425" y="1634"/>
                  </a:lnTo>
                  <a:lnTo>
                    <a:pt x="414" y="1630"/>
                  </a:lnTo>
                  <a:lnTo>
                    <a:pt x="402" y="1626"/>
                  </a:lnTo>
                  <a:lnTo>
                    <a:pt x="391" y="1626"/>
                  </a:lnTo>
                  <a:lnTo>
                    <a:pt x="380" y="1622"/>
                  </a:lnTo>
                  <a:lnTo>
                    <a:pt x="368" y="1622"/>
                  </a:lnTo>
                  <a:lnTo>
                    <a:pt x="353" y="1619"/>
                  </a:lnTo>
                  <a:lnTo>
                    <a:pt x="342" y="1619"/>
                  </a:lnTo>
                  <a:lnTo>
                    <a:pt x="330" y="1615"/>
                  </a:lnTo>
                  <a:lnTo>
                    <a:pt x="319" y="1615"/>
                  </a:lnTo>
                  <a:lnTo>
                    <a:pt x="307" y="1611"/>
                  </a:lnTo>
                  <a:lnTo>
                    <a:pt x="296" y="1611"/>
                  </a:lnTo>
                  <a:lnTo>
                    <a:pt x="285" y="1607"/>
                  </a:lnTo>
                  <a:lnTo>
                    <a:pt x="273" y="1607"/>
                  </a:lnTo>
                  <a:lnTo>
                    <a:pt x="262" y="1603"/>
                  </a:lnTo>
                  <a:lnTo>
                    <a:pt x="250" y="1603"/>
                  </a:lnTo>
                  <a:lnTo>
                    <a:pt x="235" y="1603"/>
                  </a:lnTo>
                  <a:lnTo>
                    <a:pt x="224" y="1600"/>
                  </a:lnTo>
                  <a:lnTo>
                    <a:pt x="213" y="1596"/>
                  </a:lnTo>
                  <a:lnTo>
                    <a:pt x="201" y="1596"/>
                  </a:lnTo>
                  <a:lnTo>
                    <a:pt x="190" y="1592"/>
                  </a:lnTo>
                  <a:lnTo>
                    <a:pt x="178" y="1592"/>
                  </a:lnTo>
                  <a:lnTo>
                    <a:pt x="163" y="1588"/>
                  </a:lnTo>
                  <a:lnTo>
                    <a:pt x="156" y="1588"/>
                  </a:lnTo>
                  <a:lnTo>
                    <a:pt x="140" y="1584"/>
                  </a:lnTo>
                  <a:lnTo>
                    <a:pt x="129" y="1584"/>
                  </a:lnTo>
                  <a:lnTo>
                    <a:pt x="118" y="1581"/>
                  </a:lnTo>
                  <a:lnTo>
                    <a:pt x="106" y="1581"/>
                  </a:lnTo>
                  <a:lnTo>
                    <a:pt x="95" y="1577"/>
                  </a:lnTo>
                  <a:lnTo>
                    <a:pt x="83" y="1573"/>
                  </a:lnTo>
                  <a:lnTo>
                    <a:pt x="72" y="1573"/>
                  </a:lnTo>
                  <a:lnTo>
                    <a:pt x="61" y="1569"/>
                  </a:lnTo>
                  <a:lnTo>
                    <a:pt x="61" y="1558"/>
                  </a:lnTo>
                  <a:lnTo>
                    <a:pt x="64" y="1550"/>
                  </a:lnTo>
                  <a:lnTo>
                    <a:pt x="64" y="1539"/>
                  </a:lnTo>
                  <a:lnTo>
                    <a:pt x="64" y="1527"/>
                  </a:lnTo>
                  <a:lnTo>
                    <a:pt x="68" y="1516"/>
                  </a:lnTo>
                  <a:lnTo>
                    <a:pt x="68" y="1505"/>
                  </a:lnTo>
                  <a:lnTo>
                    <a:pt x="72" y="1493"/>
                  </a:lnTo>
                  <a:lnTo>
                    <a:pt x="76" y="1482"/>
                  </a:lnTo>
                  <a:lnTo>
                    <a:pt x="76" y="1470"/>
                  </a:lnTo>
                  <a:lnTo>
                    <a:pt x="80" y="1459"/>
                  </a:lnTo>
                  <a:lnTo>
                    <a:pt x="83" y="1448"/>
                  </a:lnTo>
                  <a:lnTo>
                    <a:pt x="87" y="1436"/>
                  </a:lnTo>
                  <a:lnTo>
                    <a:pt x="87" y="1425"/>
                  </a:lnTo>
                  <a:lnTo>
                    <a:pt x="91" y="1413"/>
                  </a:lnTo>
                  <a:lnTo>
                    <a:pt x="95" y="1402"/>
                  </a:lnTo>
                  <a:lnTo>
                    <a:pt x="102" y="1394"/>
                  </a:lnTo>
                  <a:lnTo>
                    <a:pt x="106" y="1383"/>
                  </a:lnTo>
                  <a:lnTo>
                    <a:pt x="110" y="1372"/>
                  </a:lnTo>
                  <a:lnTo>
                    <a:pt x="114" y="1360"/>
                  </a:lnTo>
                  <a:lnTo>
                    <a:pt x="118" y="1353"/>
                  </a:lnTo>
                  <a:lnTo>
                    <a:pt x="125" y="1345"/>
                  </a:lnTo>
                  <a:lnTo>
                    <a:pt x="129" y="1334"/>
                  </a:lnTo>
                  <a:lnTo>
                    <a:pt x="137" y="1326"/>
                  </a:lnTo>
                  <a:lnTo>
                    <a:pt x="144" y="1322"/>
                  </a:lnTo>
                  <a:lnTo>
                    <a:pt x="148" y="1315"/>
                  </a:lnTo>
                  <a:lnTo>
                    <a:pt x="156" y="1311"/>
                  </a:lnTo>
                  <a:lnTo>
                    <a:pt x="163" y="1303"/>
                  </a:lnTo>
                  <a:lnTo>
                    <a:pt x="171" y="1300"/>
                  </a:lnTo>
                  <a:lnTo>
                    <a:pt x="178" y="1296"/>
                  </a:lnTo>
                  <a:lnTo>
                    <a:pt x="190" y="1296"/>
                  </a:lnTo>
                  <a:lnTo>
                    <a:pt x="197" y="1296"/>
                  </a:lnTo>
                  <a:lnTo>
                    <a:pt x="209" y="1296"/>
                  </a:lnTo>
                  <a:lnTo>
                    <a:pt x="216" y="1296"/>
                  </a:lnTo>
                  <a:lnTo>
                    <a:pt x="228" y="1296"/>
                  </a:lnTo>
                  <a:lnTo>
                    <a:pt x="239" y="1296"/>
                  </a:lnTo>
                  <a:lnTo>
                    <a:pt x="250" y="1296"/>
                  </a:lnTo>
                  <a:lnTo>
                    <a:pt x="258" y="1296"/>
                  </a:lnTo>
                  <a:lnTo>
                    <a:pt x="269" y="1296"/>
                  </a:lnTo>
                  <a:lnTo>
                    <a:pt x="281" y="1296"/>
                  </a:lnTo>
                  <a:lnTo>
                    <a:pt x="292" y="1300"/>
                  </a:lnTo>
                  <a:lnTo>
                    <a:pt x="300" y="1300"/>
                  </a:lnTo>
                  <a:lnTo>
                    <a:pt x="311" y="1300"/>
                  </a:lnTo>
                  <a:lnTo>
                    <a:pt x="323" y="1303"/>
                  </a:lnTo>
                  <a:lnTo>
                    <a:pt x="334" y="1303"/>
                  </a:lnTo>
                  <a:lnTo>
                    <a:pt x="342" y="1307"/>
                  </a:lnTo>
                  <a:lnTo>
                    <a:pt x="353" y="1307"/>
                  </a:lnTo>
                  <a:lnTo>
                    <a:pt x="364" y="1311"/>
                  </a:lnTo>
                  <a:lnTo>
                    <a:pt x="376" y="1311"/>
                  </a:lnTo>
                  <a:lnTo>
                    <a:pt x="387" y="1311"/>
                  </a:lnTo>
                  <a:lnTo>
                    <a:pt x="395" y="1315"/>
                  </a:lnTo>
                  <a:lnTo>
                    <a:pt x="406" y="1315"/>
                  </a:lnTo>
                  <a:lnTo>
                    <a:pt x="418" y="1315"/>
                  </a:lnTo>
                  <a:lnTo>
                    <a:pt x="425" y="1315"/>
                  </a:lnTo>
                  <a:lnTo>
                    <a:pt x="437" y="1319"/>
                  </a:lnTo>
                  <a:lnTo>
                    <a:pt x="448" y="1319"/>
                  </a:lnTo>
                  <a:lnTo>
                    <a:pt x="459" y="1319"/>
                  </a:lnTo>
                  <a:lnTo>
                    <a:pt x="471" y="1319"/>
                  </a:lnTo>
                  <a:lnTo>
                    <a:pt x="482" y="1319"/>
                  </a:lnTo>
                  <a:lnTo>
                    <a:pt x="494" y="1319"/>
                  </a:lnTo>
                  <a:lnTo>
                    <a:pt x="501" y="1319"/>
                  </a:lnTo>
                  <a:lnTo>
                    <a:pt x="513" y="1319"/>
                  </a:lnTo>
                  <a:lnTo>
                    <a:pt x="524" y="1319"/>
                  </a:lnTo>
                  <a:lnTo>
                    <a:pt x="535" y="1319"/>
                  </a:lnTo>
                  <a:lnTo>
                    <a:pt x="547" y="1319"/>
                  </a:lnTo>
                  <a:lnTo>
                    <a:pt x="547" y="1315"/>
                  </a:lnTo>
                  <a:lnTo>
                    <a:pt x="547" y="1311"/>
                  </a:lnTo>
                  <a:lnTo>
                    <a:pt x="535" y="1303"/>
                  </a:lnTo>
                  <a:lnTo>
                    <a:pt x="528" y="1296"/>
                  </a:lnTo>
                  <a:lnTo>
                    <a:pt x="516" y="1288"/>
                  </a:lnTo>
                  <a:lnTo>
                    <a:pt x="505" y="1284"/>
                  </a:lnTo>
                  <a:lnTo>
                    <a:pt x="494" y="1277"/>
                  </a:lnTo>
                  <a:lnTo>
                    <a:pt x="482" y="1269"/>
                  </a:lnTo>
                  <a:lnTo>
                    <a:pt x="471" y="1262"/>
                  </a:lnTo>
                  <a:lnTo>
                    <a:pt x="459" y="1258"/>
                  </a:lnTo>
                  <a:lnTo>
                    <a:pt x="448" y="1250"/>
                  </a:lnTo>
                  <a:lnTo>
                    <a:pt x="437" y="1246"/>
                  </a:lnTo>
                  <a:lnTo>
                    <a:pt x="421" y="1239"/>
                  </a:lnTo>
                  <a:lnTo>
                    <a:pt x="410" y="1235"/>
                  </a:lnTo>
                  <a:lnTo>
                    <a:pt x="402" y="1231"/>
                  </a:lnTo>
                  <a:lnTo>
                    <a:pt x="395" y="1231"/>
                  </a:lnTo>
                  <a:lnTo>
                    <a:pt x="391" y="1227"/>
                  </a:lnTo>
                  <a:lnTo>
                    <a:pt x="383" y="1227"/>
                  </a:lnTo>
                  <a:lnTo>
                    <a:pt x="376" y="1224"/>
                  </a:lnTo>
                  <a:lnTo>
                    <a:pt x="368" y="1224"/>
                  </a:lnTo>
                  <a:lnTo>
                    <a:pt x="364" y="1220"/>
                  </a:lnTo>
                  <a:lnTo>
                    <a:pt x="357" y="1220"/>
                  </a:lnTo>
                  <a:lnTo>
                    <a:pt x="349" y="1220"/>
                  </a:lnTo>
                  <a:lnTo>
                    <a:pt x="342" y="1216"/>
                  </a:lnTo>
                  <a:lnTo>
                    <a:pt x="338" y="1216"/>
                  </a:lnTo>
                  <a:lnTo>
                    <a:pt x="330" y="1216"/>
                  </a:lnTo>
                  <a:lnTo>
                    <a:pt x="323" y="1212"/>
                  </a:lnTo>
                  <a:lnTo>
                    <a:pt x="315" y="1212"/>
                  </a:lnTo>
                  <a:lnTo>
                    <a:pt x="311" y="1212"/>
                  </a:lnTo>
                  <a:lnTo>
                    <a:pt x="304" y="1212"/>
                  </a:lnTo>
                  <a:lnTo>
                    <a:pt x="296" y="1208"/>
                  </a:lnTo>
                  <a:lnTo>
                    <a:pt x="288" y="1208"/>
                  </a:lnTo>
                  <a:lnTo>
                    <a:pt x="281" y="1208"/>
                  </a:lnTo>
                  <a:lnTo>
                    <a:pt x="277" y="1208"/>
                  </a:lnTo>
                  <a:lnTo>
                    <a:pt x="269" y="1205"/>
                  </a:lnTo>
                  <a:lnTo>
                    <a:pt x="262" y="1205"/>
                  </a:lnTo>
                  <a:lnTo>
                    <a:pt x="254" y="1205"/>
                  </a:lnTo>
                  <a:lnTo>
                    <a:pt x="250" y="1205"/>
                  </a:lnTo>
                  <a:lnTo>
                    <a:pt x="243" y="1205"/>
                  </a:lnTo>
                  <a:lnTo>
                    <a:pt x="235" y="1205"/>
                  </a:lnTo>
                  <a:lnTo>
                    <a:pt x="228" y="1205"/>
                  </a:lnTo>
                  <a:lnTo>
                    <a:pt x="224" y="1205"/>
                  </a:lnTo>
                  <a:lnTo>
                    <a:pt x="216" y="1205"/>
                  </a:lnTo>
                  <a:lnTo>
                    <a:pt x="209" y="1205"/>
                  </a:lnTo>
                  <a:lnTo>
                    <a:pt x="201" y="1205"/>
                  </a:lnTo>
                  <a:lnTo>
                    <a:pt x="197" y="1205"/>
                  </a:lnTo>
                  <a:lnTo>
                    <a:pt x="182" y="1208"/>
                  </a:lnTo>
                  <a:lnTo>
                    <a:pt x="171" y="1208"/>
                  </a:lnTo>
                  <a:lnTo>
                    <a:pt x="159" y="1212"/>
                  </a:lnTo>
                  <a:lnTo>
                    <a:pt x="148" y="1216"/>
                  </a:lnTo>
                  <a:lnTo>
                    <a:pt x="137" y="1216"/>
                  </a:lnTo>
                  <a:lnTo>
                    <a:pt x="125" y="1220"/>
                  </a:lnTo>
                  <a:lnTo>
                    <a:pt x="118" y="1227"/>
                  </a:lnTo>
                  <a:lnTo>
                    <a:pt x="110" y="1235"/>
                  </a:lnTo>
                  <a:lnTo>
                    <a:pt x="99" y="1239"/>
                  </a:lnTo>
                  <a:lnTo>
                    <a:pt x="91" y="1250"/>
                  </a:lnTo>
                  <a:lnTo>
                    <a:pt x="83" y="1262"/>
                  </a:lnTo>
                  <a:lnTo>
                    <a:pt x="80" y="1269"/>
                  </a:lnTo>
                  <a:lnTo>
                    <a:pt x="72" y="1281"/>
                  </a:lnTo>
                  <a:lnTo>
                    <a:pt x="64" y="1296"/>
                  </a:lnTo>
                  <a:lnTo>
                    <a:pt x="61" y="1300"/>
                  </a:lnTo>
                  <a:lnTo>
                    <a:pt x="57" y="1307"/>
                  </a:lnTo>
                  <a:lnTo>
                    <a:pt x="57" y="1315"/>
                  </a:lnTo>
                  <a:lnTo>
                    <a:pt x="53" y="1322"/>
                  </a:lnTo>
                  <a:lnTo>
                    <a:pt x="49" y="1326"/>
                  </a:lnTo>
                  <a:lnTo>
                    <a:pt x="45" y="1334"/>
                  </a:lnTo>
                  <a:lnTo>
                    <a:pt x="45" y="1341"/>
                  </a:lnTo>
                  <a:lnTo>
                    <a:pt x="42" y="1349"/>
                  </a:lnTo>
                  <a:lnTo>
                    <a:pt x="38" y="1356"/>
                  </a:lnTo>
                  <a:lnTo>
                    <a:pt x="38" y="1364"/>
                  </a:lnTo>
                  <a:lnTo>
                    <a:pt x="34" y="1372"/>
                  </a:lnTo>
                  <a:lnTo>
                    <a:pt x="34" y="1379"/>
                  </a:lnTo>
                  <a:lnTo>
                    <a:pt x="30" y="1387"/>
                  </a:lnTo>
                  <a:lnTo>
                    <a:pt x="30" y="1394"/>
                  </a:lnTo>
                  <a:lnTo>
                    <a:pt x="26" y="1402"/>
                  </a:lnTo>
                  <a:lnTo>
                    <a:pt x="26" y="1406"/>
                  </a:lnTo>
                  <a:lnTo>
                    <a:pt x="23" y="1413"/>
                  </a:lnTo>
                  <a:lnTo>
                    <a:pt x="23" y="1421"/>
                  </a:lnTo>
                  <a:lnTo>
                    <a:pt x="19" y="1429"/>
                  </a:lnTo>
                  <a:lnTo>
                    <a:pt x="19" y="1436"/>
                  </a:lnTo>
                  <a:lnTo>
                    <a:pt x="19" y="1444"/>
                  </a:lnTo>
                  <a:lnTo>
                    <a:pt x="15" y="1451"/>
                  </a:lnTo>
                  <a:lnTo>
                    <a:pt x="15" y="1459"/>
                  </a:lnTo>
                  <a:lnTo>
                    <a:pt x="15" y="1467"/>
                  </a:lnTo>
                  <a:lnTo>
                    <a:pt x="11" y="1474"/>
                  </a:lnTo>
                  <a:lnTo>
                    <a:pt x="11" y="1482"/>
                  </a:lnTo>
                  <a:lnTo>
                    <a:pt x="11" y="1489"/>
                  </a:lnTo>
                  <a:lnTo>
                    <a:pt x="11" y="1497"/>
                  </a:lnTo>
                  <a:lnTo>
                    <a:pt x="7" y="1505"/>
                  </a:lnTo>
                  <a:lnTo>
                    <a:pt x="7" y="1512"/>
                  </a:lnTo>
                  <a:lnTo>
                    <a:pt x="7" y="1516"/>
                  </a:lnTo>
                  <a:lnTo>
                    <a:pt x="7" y="1524"/>
                  </a:lnTo>
                  <a:lnTo>
                    <a:pt x="4" y="1535"/>
                  </a:lnTo>
                  <a:lnTo>
                    <a:pt x="4" y="1550"/>
                  </a:lnTo>
                  <a:lnTo>
                    <a:pt x="4" y="1562"/>
                  </a:lnTo>
                  <a:lnTo>
                    <a:pt x="0" y="1573"/>
                  </a:lnTo>
                  <a:lnTo>
                    <a:pt x="0" y="1581"/>
                  </a:lnTo>
                  <a:lnTo>
                    <a:pt x="0" y="1592"/>
                  </a:lnTo>
                  <a:lnTo>
                    <a:pt x="4" y="1600"/>
                  </a:lnTo>
                  <a:lnTo>
                    <a:pt x="7" y="1607"/>
                  </a:lnTo>
                  <a:lnTo>
                    <a:pt x="15" y="1615"/>
                  </a:lnTo>
                  <a:lnTo>
                    <a:pt x="23" y="1619"/>
                  </a:lnTo>
                  <a:lnTo>
                    <a:pt x="34" y="1622"/>
                  </a:lnTo>
                  <a:lnTo>
                    <a:pt x="49" y="1626"/>
                  </a:lnTo>
                  <a:lnTo>
                    <a:pt x="61" y="1626"/>
                  </a:lnTo>
                  <a:lnTo>
                    <a:pt x="76" y="1630"/>
                  </a:lnTo>
                  <a:lnTo>
                    <a:pt x="80" y="1630"/>
                  </a:lnTo>
                  <a:lnTo>
                    <a:pt x="87" y="1634"/>
                  </a:lnTo>
                  <a:lnTo>
                    <a:pt x="95" y="1634"/>
                  </a:lnTo>
                  <a:lnTo>
                    <a:pt x="102" y="1638"/>
                  </a:lnTo>
                  <a:lnTo>
                    <a:pt x="106" y="1638"/>
                  </a:lnTo>
                  <a:lnTo>
                    <a:pt x="114" y="1638"/>
                  </a:lnTo>
                  <a:lnTo>
                    <a:pt x="121" y="1638"/>
                  </a:lnTo>
                  <a:lnTo>
                    <a:pt x="129" y="1641"/>
                  </a:lnTo>
                  <a:lnTo>
                    <a:pt x="133" y="1641"/>
                  </a:lnTo>
                  <a:lnTo>
                    <a:pt x="140" y="1641"/>
                  </a:lnTo>
                  <a:lnTo>
                    <a:pt x="148" y="1641"/>
                  </a:lnTo>
                  <a:lnTo>
                    <a:pt x="156" y="1645"/>
                  </a:lnTo>
                  <a:lnTo>
                    <a:pt x="159" y="1645"/>
                  </a:lnTo>
                  <a:lnTo>
                    <a:pt x="167" y="1645"/>
                  </a:lnTo>
                  <a:lnTo>
                    <a:pt x="175" y="1645"/>
                  </a:lnTo>
                  <a:lnTo>
                    <a:pt x="182" y="1649"/>
                  </a:lnTo>
                  <a:lnTo>
                    <a:pt x="186" y="1649"/>
                  </a:lnTo>
                  <a:lnTo>
                    <a:pt x="194" y="1649"/>
                  </a:lnTo>
                  <a:lnTo>
                    <a:pt x="201" y="1649"/>
                  </a:lnTo>
                  <a:lnTo>
                    <a:pt x="209" y="1653"/>
                  </a:lnTo>
                  <a:lnTo>
                    <a:pt x="213" y="1653"/>
                  </a:lnTo>
                  <a:lnTo>
                    <a:pt x="220" y="1653"/>
                  </a:lnTo>
                  <a:lnTo>
                    <a:pt x="228" y="1653"/>
                  </a:lnTo>
                  <a:lnTo>
                    <a:pt x="235" y="1657"/>
                  </a:lnTo>
                  <a:lnTo>
                    <a:pt x="243" y="1657"/>
                  </a:lnTo>
                  <a:lnTo>
                    <a:pt x="250" y="1657"/>
                  </a:lnTo>
                  <a:lnTo>
                    <a:pt x="254" y="1657"/>
                  </a:lnTo>
                  <a:lnTo>
                    <a:pt x="262" y="1657"/>
                  </a:lnTo>
                  <a:lnTo>
                    <a:pt x="269" y="1657"/>
                  </a:lnTo>
                  <a:lnTo>
                    <a:pt x="277" y="1657"/>
                  </a:lnTo>
                  <a:lnTo>
                    <a:pt x="285" y="1660"/>
                  </a:lnTo>
                  <a:lnTo>
                    <a:pt x="288" y="1660"/>
                  </a:lnTo>
                  <a:lnTo>
                    <a:pt x="296" y="1660"/>
                  </a:lnTo>
                  <a:lnTo>
                    <a:pt x="304" y="1660"/>
                  </a:lnTo>
                  <a:lnTo>
                    <a:pt x="311" y="1664"/>
                  </a:lnTo>
                  <a:lnTo>
                    <a:pt x="315" y="1664"/>
                  </a:lnTo>
                  <a:lnTo>
                    <a:pt x="323" y="1664"/>
                  </a:lnTo>
                  <a:lnTo>
                    <a:pt x="330" y="1664"/>
                  </a:lnTo>
                  <a:lnTo>
                    <a:pt x="338" y="1664"/>
                  </a:lnTo>
                  <a:lnTo>
                    <a:pt x="345" y="1668"/>
                  </a:lnTo>
                  <a:lnTo>
                    <a:pt x="349" y="1668"/>
                  </a:lnTo>
                  <a:lnTo>
                    <a:pt x="357" y="1668"/>
                  </a:lnTo>
                  <a:lnTo>
                    <a:pt x="364" y="1668"/>
                  </a:lnTo>
                  <a:lnTo>
                    <a:pt x="372" y="1672"/>
                  </a:lnTo>
                  <a:lnTo>
                    <a:pt x="376" y="1672"/>
                  </a:lnTo>
                  <a:lnTo>
                    <a:pt x="383" y="1672"/>
                  </a:lnTo>
                  <a:lnTo>
                    <a:pt x="391" y="1672"/>
                  </a:lnTo>
                  <a:lnTo>
                    <a:pt x="399" y="1676"/>
                  </a:lnTo>
                  <a:lnTo>
                    <a:pt x="406" y="1676"/>
                  </a:lnTo>
                  <a:lnTo>
                    <a:pt x="414" y="1676"/>
                  </a:lnTo>
                  <a:lnTo>
                    <a:pt x="418" y="1676"/>
                  </a:lnTo>
                  <a:lnTo>
                    <a:pt x="425" y="1679"/>
                  </a:lnTo>
                  <a:lnTo>
                    <a:pt x="433" y="1679"/>
                  </a:lnTo>
                  <a:lnTo>
                    <a:pt x="440" y="1683"/>
                  </a:lnTo>
                  <a:lnTo>
                    <a:pt x="444" y="1683"/>
                  </a:lnTo>
                  <a:lnTo>
                    <a:pt x="452" y="1687"/>
                  </a:lnTo>
                  <a:lnTo>
                    <a:pt x="463" y="1687"/>
                  </a:lnTo>
                  <a:lnTo>
                    <a:pt x="471" y="1683"/>
                  </a:lnTo>
                  <a:lnTo>
                    <a:pt x="478" y="1672"/>
                  </a:lnTo>
                  <a:lnTo>
                    <a:pt x="482" y="1664"/>
                  </a:lnTo>
                  <a:lnTo>
                    <a:pt x="482" y="1649"/>
                  </a:lnTo>
                  <a:lnTo>
                    <a:pt x="482" y="1638"/>
                  </a:lnTo>
                  <a:lnTo>
                    <a:pt x="486" y="1626"/>
                  </a:lnTo>
                  <a:lnTo>
                    <a:pt x="486" y="1615"/>
                  </a:lnTo>
                  <a:lnTo>
                    <a:pt x="490" y="1600"/>
                  </a:lnTo>
                  <a:lnTo>
                    <a:pt x="494" y="1588"/>
                  </a:lnTo>
                  <a:lnTo>
                    <a:pt x="494" y="1577"/>
                  </a:lnTo>
                  <a:lnTo>
                    <a:pt x="497" y="1565"/>
                  </a:lnTo>
                  <a:lnTo>
                    <a:pt x="509" y="1569"/>
                  </a:lnTo>
                  <a:lnTo>
                    <a:pt x="516" y="1569"/>
                  </a:lnTo>
                  <a:lnTo>
                    <a:pt x="528" y="1573"/>
                  </a:lnTo>
                  <a:lnTo>
                    <a:pt x="539" y="1577"/>
                  </a:lnTo>
                  <a:lnTo>
                    <a:pt x="547" y="1581"/>
                  </a:lnTo>
                  <a:lnTo>
                    <a:pt x="558" y="1581"/>
                  </a:lnTo>
                  <a:lnTo>
                    <a:pt x="570" y="1584"/>
                  </a:lnTo>
                  <a:lnTo>
                    <a:pt x="577" y="1588"/>
                  </a:lnTo>
                  <a:lnTo>
                    <a:pt x="589" y="1588"/>
                  </a:lnTo>
                  <a:lnTo>
                    <a:pt x="596" y="1592"/>
                  </a:lnTo>
                  <a:lnTo>
                    <a:pt x="608" y="1592"/>
                  </a:lnTo>
                  <a:lnTo>
                    <a:pt x="619" y="1596"/>
                  </a:lnTo>
                  <a:lnTo>
                    <a:pt x="627" y="1596"/>
                  </a:lnTo>
                  <a:lnTo>
                    <a:pt x="638" y="1600"/>
                  </a:lnTo>
                  <a:lnTo>
                    <a:pt x="649" y="1600"/>
                  </a:lnTo>
                  <a:lnTo>
                    <a:pt x="661" y="1603"/>
                  </a:lnTo>
                  <a:lnTo>
                    <a:pt x="668" y="1603"/>
                  </a:lnTo>
                  <a:lnTo>
                    <a:pt x="680" y="1603"/>
                  </a:lnTo>
                  <a:lnTo>
                    <a:pt x="687" y="1607"/>
                  </a:lnTo>
                  <a:lnTo>
                    <a:pt x="699" y="1607"/>
                  </a:lnTo>
                  <a:lnTo>
                    <a:pt x="710" y="1607"/>
                  </a:lnTo>
                  <a:lnTo>
                    <a:pt x="718" y="1607"/>
                  </a:lnTo>
                  <a:lnTo>
                    <a:pt x="729" y="1607"/>
                  </a:lnTo>
                  <a:lnTo>
                    <a:pt x="741" y="1611"/>
                  </a:lnTo>
                  <a:lnTo>
                    <a:pt x="748" y="1611"/>
                  </a:lnTo>
                  <a:lnTo>
                    <a:pt x="760" y="1611"/>
                  </a:lnTo>
                  <a:lnTo>
                    <a:pt x="767" y="1611"/>
                  </a:lnTo>
                  <a:lnTo>
                    <a:pt x="779" y="1611"/>
                  </a:lnTo>
                  <a:lnTo>
                    <a:pt x="790" y="1611"/>
                  </a:lnTo>
                  <a:lnTo>
                    <a:pt x="798" y="1611"/>
                  </a:lnTo>
                  <a:lnTo>
                    <a:pt x="809" y="1611"/>
                  </a:lnTo>
                  <a:lnTo>
                    <a:pt x="820" y="1615"/>
                  </a:lnTo>
                  <a:lnTo>
                    <a:pt x="828" y="1611"/>
                  </a:lnTo>
                  <a:lnTo>
                    <a:pt x="839" y="1611"/>
                  </a:lnTo>
                  <a:lnTo>
                    <a:pt x="851" y="1611"/>
                  </a:lnTo>
                  <a:lnTo>
                    <a:pt x="858" y="1611"/>
                  </a:lnTo>
                  <a:lnTo>
                    <a:pt x="870" y="1611"/>
                  </a:lnTo>
                  <a:lnTo>
                    <a:pt x="881" y="1611"/>
                  </a:lnTo>
                  <a:lnTo>
                    <a:pt x="889" y="1611"/>
                  </a:lnTo>
                  <a:lnTo>
                    <a:pt x="900" y="1611"/>
                  </a:lnTo>
                  <a:lnTo>
                    <a:pt x="912" y="1607"/>
                  </a:lnTo>
                  <a:lnTo>
                    <a:pt x="923" y="1607"/>
                  </a:lnTo>
                  <a:lnTo>
                    <a:pt x="931" y="1607"/>
                  </a:lnTo>
                  <a:lnTo>
                    <a:pt x="942" y="1607"/>
                  </a:lnTo>
                  <a:lnTo>
                    <a:pt x="953" y="1607"/>
                  </a:lnTo>
                  <a:lnTo>
                    <a:pt x="961" y="1607"/>
                  </a:lnTo>
                  <a:lnTo>
                    <a:pt x="972" y="1607"/>
                  </a:lnTo>
                  <a:lnTo>
                    <a:pt x="984" y="1607"/>
                  </a:lnTo>
                  <a:lnTo>
                    <a:pt x="995" y="1603"/>
                  </a:lnTo>
                  <a:lnTo>
                    <a:pt x="1006" y="1603"/>
                  </a:lnTo>
                  <a:lnTo>
                    <a:pt x="1014" y="1603"/>
                  </a:lnTo>
                  <a:lnTo>
                    <a:pt x="1025" y="1603"/>
                  </a:lnTo>
                  <a:lnTo>
                    <a:pt x="1037" y="1600"/>
                  </a:lnTo>
                  <a:lnTo>
                    <a:pt x="1048" y="1600"/>
                  </a:lnTo>
                  <a:lnTo>
                    <a:pt x="1060" y="1600"/>
                  </a:lnTo>
                  <a:lnTo>
                    <a:pt x="1067" y="1600"/>
                  </a:lnTo>
                  <a:lnTo>
                    <a:pt x="1079" y="1596"/>
                  </a:lnTo>
                  <a:lnTo>
                    <a:pt x="1090" y="1596"/>
                  </a:lnTo>
                  <a:lnTo>
                    <a:pt x="1101" y="1596"/>
                  </a:lnTo>
                  <a:lnTo>
                    <a:pt x="1113" y="1596"/>
                  </a:lnTo>
                  <a:lnTo>
                    <a:pt x="1124" y="1592"/>
                  </a:lnTo>
                  <a:lnTo>
                    <a:pt x="1136" y="1592"/>
                  </a:lnTo>
                  <a:lnTo>
                    <a:pt x="1147" y="1592"/>
                  </a:lnTo>
                  <a:lnTo>
                    <a:pt x="1158" y="1592"/>
                  </a:lnTo>
                  <a:lnTo>
                    <a:pt x="1166" y="1588"/>
                  </a:lnTo>
                  <a:lnTo>
                    <a:pt x="1174" y="1588"/>
                  </a:lnTo>
                  <a:lnTo>
                    <a:pt x="1181" y="1588"/>
                  </a:lnTo>
                  <a:lnTo>
                    <a:pt x="1189" y="1588"/>
                  </a:lnTo>
                  <a:lnTo>
                    <a:pt x="1200" y="1584"/>
                  </a:lnTo>
                  <a:lnTo>
                    <a:pt x="1208" y="1584"/>
                  </a:lnTo>
                  <a:lnTo>
                    <a:pt x="1215" y="1584"/>
                  </a:lnTo>
                  <a:lnTo>
                    <a:pt x="1227" y="1584"/>
                  </a:lnTo>
                  <a:lnTo>
                    <a:pt x="1234" y="1581"/>
                  </a:lnTo>
                  <a:lnTo>
                    <a:pt x="1246" y="1581"/>
                  </a:lnTo>
                  <a:lnTo>
                    <a:pt x="1253" y="1577"/>
                  </a:lnTo>
                  <a:lnTo>
                    <a:pt x="1265" y="1577"/>
                  </a:lnTo>
                  <a:lnTo>
                    <a:pt x="1272" y="1573"/>
                  </a:lnTo>
                  <a:lnTo>
                    <a:pt x="1280" y="1573"/>
                  </a:lnTo>
                  <a:lnTo>
                    <a:pt x="1291" y="1569"/>
                  </a:lnTo>
                  <a:lnTo>
                    <a:pt x="1299" y="1569"/>
                  </a:lnTo>
                  <a:lnTo>
                    <a:pt x="1307" y="1562"/>
                  </a:lnTo>
                  <a:lnTo>
                    <a:pt x="1314" y="1562"/>
                  </a:lnTo>
                  <a:lnTo>
                    <a:pt x="1322" y="1554"/>
                  </a:lnTo>
                  <a:lnTo>
                    <a:pt x="1329" y="1554"/>
                  </a:lnTo>
                  <a:lnTo>
                    <a:pt x="1337" y="1546"/>
                  </a:lnTo>
                  <a:lnTo>
                    <a:pt x="1345" y="1543"/>
                  </a:lnTo>
                  <a:lnTo>
                    <a:pt x="1352" y="1539"/>
                  </a:lnTo>
                  <a:lnTo>
                    <a:pt x="1360" y="1535"/>
                  </a:lnTo>
                  <a:lnTo>
                    <a:pt x="1367" y="1527"/>
                  </a:lnTo>
                  <a:lnTo>
                    <a:pt x="1371" y="1520"/>
                  </a:lnTo>
                  <a:lnTo>
                    <a:pt x="1375" y="1512"/>
                  </a:lnTo>
                  <a:lnTo>
                    <a:pt x="1383" y="1508"/>
                  </a:lnTo>
                  <a:lnTo>
                    <a:pt x="1386" y="1497"/>
                  </a:lnTo>
                  <a:lnTo>
                    <a:pt x="1390" y="1489"/>
                  </a:lnTo>
                  <a:lnTo>
                    <a:pt x="1394" y="1478"/>
                  </a:lnTo>
                  <a:lnTo>
                    <a:pt x="1398" y="1470"/>
                  </a:lnTo>
                  <a:lnTo>
                    <a:pt x="1398" y="1467"/>
                  </a:lnTo>
                  <a:lnTo>
                    <a:pt x="1398" y="1459"/>
                  </a:lnTo>
                  <a:lnTo>
                    <a:pt x="1398" y="1455"/>
                  </a:lnTo>
                  <a:lnTo>
                    <a:pt x="1402" y="1448"/>
                  </a:lnTo>
                  <a:lnTo>
                    <a:pt x="1398" y="1436"/>
                  </a:lnTo>
                  <a:lnTo>
                    <a:pt x="1398" y="1429"/>
                  </a:lnTo>
                  <a:lnTo>
                    <a:pt x="1398" y="1421"/>
                  </a:lnTo>
                  <a:lnTo>
                    <a:pt x="1398" y="1410"/>
                  </a:lnTo>
                  <a:lnTo>
                    <a:pt x="1398" y="1402"/>
                  </a:lnTo>
                  <a:lnTo>
                    <a:pt x="1394" y="1391"/>
                  </a:lnTo>
                  <a:lnTo>
                    <a:pt x="1394" y="1379"/>
                  </a:lnTo>
                  <a:lnTo>
                    <a:pt x="1394" y="1368"/>
                  </a:lnTo>
                  <a:lnTo>
                    <a:pt x="1390" y="1356"/>
                  </a:lnTo>
                  <a:lnTo>
                    <a:pt x="1390" y="1345"/>
                  </a:lnTo>
                  <a:lnTo>
                    <a:pt x="1390" y="1334"/>
                  </a:lnTo>
                  <a:lnTo>
                    <a:pt x="1390" y="1322"/>
                  </a:lnTo>
                  <a:lnTo>
                    <a:pt x="1386" y="1311"/>
                  </a:lnTo>
                  <a:lnTo>
                    <a:pt x="1386" y="1300"/>
                  </a:lnTo>
                  <a:lnTo>
                    <a:pt x="1383" y="1288"/>
                  </a:lnTo>
                  <a:lnTo>
                    <a:pt x="1383" y="1281"/>
                  </a:lnTo>
                  <a:lnTo>
                    <a:pt x="1379" y="1269"/>
                  </a:lnTo>
                  <a:lnTo>
                    <a:pt x="1379" y="1262"/>
                  </a:lnTo>
                  <a:lnTo>
                    <a:pt x="1375" y="1250"/>
                  </a:lnTo>
                  <a:lnTo>
                    <a:pt x="1375" y="1246"/>
                  </a:lnTo>
                  <a:lnTo>
                    <a:pt x="1371" y="1235"/>
                  </a:lnTo>
                  <a:lnTo>
                    <a:pt x="1371" y="1231"/>
                  </a:lnTo>
                  <a:lnTo>
                    <a:pt x="1371" y="1224"/>
                  </a:lnTo>
                  <a:lnTo>
                    <a:pt x="1371" y="1220"/>
                  </a:lnTo>
                  <a:lnTo>
                    <a:pt x="1367" y="1212"/>
                  </a:lnTo>
                  <a:lnTo>
                    <a:pt x="1367" y="1212"/>
                  </a:lnTo>
                  <a:lnTo>
                    <a:pt x="1367" y="1201"/>
                  </a:lnTo>
                  <a:lnTo>
                    <a:pt x="1367" y="1193"/>
                  </a:lnTo>
                  <a:lnTo>
                    <a:pt x="1367" y="1186"/>
                  </a:lnTo>
                  <a:lnTo>
                    <a:pt x="1367" y="1178"/>
                  </a:lnTo>
                  <a:lnTo>
                    <a:pt x="1367" y="1167"/>
                  </a:lnTo>
                  <a:lnTo>
                    <a:pt x="1367" y="1159"/>
                  </a:lnTo>
                  <a:lnTo>
                    <a:pt x="1367" y="1151"/>
                  </a:lnTo>
                  <a:lnTo>
                    <a:pt x="1367" y="1144"/>
                  </a:lnTo>
                  <a:lnTo>
                    <a:pt x="1364" y="1132"/>
                  </a:lnTo>
                  <a:lnTo>
                    <a:pt x="1364" y="1125"/>
                  </a:lnTo>
                  <a:lnTo>
                    <a:pt x="1364" y="1117"/>
                  </a:lnTo>
                  <a:lnTo>
                    <a:pt x="1364" y="1110"/>
                  </a:lnTo>
                  <a:lnTo>
                    <a:pt x="1364" y="1102"/>
                  </a:lnTo>
                  <a:lnTo>
                    <a:pt x="1367" y="1091"/>
                  </a:lnTo>
                  <a:lnTo>
                    <a:pt x="1367" y="1083"/>
                  </a:lnTo>
                  <a:lnTo>
                    <a:pt x="1367" y="1075"/>
                  </a:lnTo>
                  <a:lnTo>
                    <a:pt x="1367" y="1068"/>
                  </a:lnTo>
                  <a:lnTo>
                    <a:pt x="1367" y="1060"/>
                  </a:lnTo>
                  <a:lnTo>
                    <a:pt x="1367" y="1049"/>
                  </a:lnTo>
                  <a:lnTo>
                    <a:pt x="1367" y="1041"/>
                  </a:lnTo>
                  <a:lnTo>
                    <a:pt x="1367" y="1034"/>
                  </a:lnTo>
                  <a:lnTo>
                    <a:pt x="1367" y="1026"/>
                  </a:lnTo>
                  <a:lnTo>
                    <a:pt x="1371" y="1018"/>
                  </a:lnTo>
                  <a:lnTo>
                    <a:pt x="1371" y="1011"/>
                  </a:lnTo>
                  <a:lnTo>
                    <a:pt x="1371" y="1003"/>
                  </a:lnTo>
                  <a:lnTo>
                    <a:pt x="1371" y="992"/>
                  </a:lnTo>
                  <a:lnTo>
                    <a:pt x="1375" y="984"/>
                  </a:lnTo>
                  <a:lnTo>
                    <a:pt x="1375" y="977"/>
                  </a:lnTo>
                  <a:lnTo>
                    <a:pt x="1375" y="969"/>
                  </a:lnTo>
                  <a:lnTo>
                    <a:pt x="1379" y="961"/>
                  </a:lnTo>
                  <a:lnTo>
                    <a:pt x="1379" y="954"/>
                  </a:lnTo>
                  <a:lnTo>
                    <a:pt x="1383" y="946"/>
                  </a:lnTo>
                  <a:lnTo>
                    <a:pt x="1383" y="935"/>
                  </a:lnTo>
                  <a:lnTo>
                    <a:pt x="1383" y="927"/>
                  </a:lnTo>
                  <a:lnTo>
                    <a:pt x="1383" y="920"/>
                  </a:lnTo>
                  <a:lnTo>
                    <a:pt x="1386" y="912"/>
                  </a:lnTo>
                  <a:lnTo>
                    <a:pt x="1386" y="904"/>
                  </a:lnTo>
                  <a:lnTo>
                    <a:pt x="1390" y="897"/>
                  </a:lnTo>
                  <a:lnTo>
                    <a:pt x="1390" y="885"/>
                  </a:lnTo>
                  <a:lnTo>
                    <a:pt x="1394" y="878"/>
                  </a:lnTo>
                  <a:lnTo>
                    <a:pt x="1394" y="870"/>
                  </a:lnTo>
                  <a:lnTo>
                    <a:pt x="1398" y="863"/>
                  </a:lnTo>
                  <a:lnTo>
                    <a:pt x="1398" y="855"/>
                  </a:lnTo>
                  <a:lnTo>
                    <a:pt x="1402" y="847"/>
                  </a:lnTo>
                  <a:lnTo>
                    <a:pt x="1402" y="840"/>
                  </a:lnTo>
                  <a:lnTo>
                    <a:pt x="1405" y="828"/>
                  </a:lnTo>
                  <a:lnTo>
                    <a:pt x="1405" y="825"/>
                  </a:lnTo>
                  <a:lnTo>
                    <a:pt x="1409" y="817"/>
                  </a:lnTo>
                  <a:lnTo>
                    <a:pt x="1409" y="806"/>
                  </a:lnTo>
                  <a:lnTo>
                    <a:pt x="1413" y="798"/>
                  </a:lnTo>
                  <a:lnTo>
                    <a:pt x="1417" y="790"/>
                  </a:lnTo>
                  <a:lnTo>
                    <a:pt x="1417" y="783"/>
                  </a:lnTo>
                  <a:lnTo>
                    <a:pt x="1421" y="775"/>
                  </a:lnTo>
                  <a:lnTo>
                    <a:pt x="1421" y="764"/>
                  </a:lnTo>
                  <a:lnTo>
                    <a:pt x="1424" y="760"/>
                  </a:lnTo>
                  <a:lnTo>
                    <a:pt x="1428" y="752"/>
                  </a:lnTo>
                  <a:lnTo>
                    <a:pt x="1428" y="741"/>
                  </a:lnTo>
                  <a:lnTo>
                    <a:pt x="1432" y="737"/>
                  </a:lnTo>
                  <a:lnTo>
                    <a:pt x="1436" y="726"/>
                  </a:lnTo>
                  <a:lnTo>
                    <a:pt x="1440" y="718"/>
                  </a:lnTo>
                  <a:lnTo>
                    <a:pt x="1440" y="711"/>
                  </a:lnTo>
                  <a:lnTo>
                    <a:pt x="1443" y="703"/>
                  </a:lnTo>
                  <a:lnTo>
                    <a:pt x="1443" y="695"/>
                  </a:lnTo>
                  <a:lnTo>
                    <a:pt x="1447" y="688"/>
                  </a:lnTo>
                  <a:lnTo>
                    <a:pt x="1451" y="680"/>
                  </a:lnTo>
                  <a:lnTo>
                    <a:pt x="1455" y="669"/>
                  </a:lnTo>
                  <a:lnTo>
                    <a:pt x="1459" y="661"/>
                  </a:lnTo>
                  <a:lnTo>
                    <a:pt x="1462" y="650"/>
                  </a:lnTo>
                  <a:lnTo>
                    <a:pt x="1466" y="638"/>
                  </a:lnTo>
                  <a:lnTo>
                    <a:pt x="1470" y="631"/>
                  </a:lnTo>
                  <a:lnTo>
                    <a:pt x="1474" y="619"/>
                  </a:lnTo>
                  <a:lnTo>
                    <a:pt x="1478" y="608"/>
                  </a:lnTo>
                  <a:lnTo>
                    <a:pt x="1481" y="600"/>
                  </a:lnTo>
                  <a:lnTo>
                    <a:pt x="1485" y="589"/>
                  </a:lnTo>
                  <a:lnTo>
                    <a:pt x="1493" y="581"/>
                  </a:lnTo>
                  <a:lnTo>
                    <a:pt x="1497" y="570"/>
                  </a:lnTo>
                  <a:lnTo>
                    <a:pt x="1500" y="559"/>
                  </a:lnTo>
                  <a:lnTo>
                    <a:pt x="1504" y="551"/>
                  </a:lnTo>
                  <a:lnTo>
                    <a:pt x="1508" y="540"/>
                  </a:lnTo>
                  <a:lnTo>
                    <a:pt x="1516" y="532"/>
                  </a:lnTo>
                  <a:lnTo>
                    <a:pt x="1519" y="521"/>
                  </a:lnTo>
                  <a:lnTo>
                    <a:pt x="1523" y="513"/>
                  </a:lnTo>
                  <a:lnTo>
                    <a:pt x="1527" y="502"/>
                  </a:lnTo>
                  <a:lnTo>
                    <a:pt x="1531" y="494"/>
                  </a:lnTo>
                  <a:lnTo>
                    <a:pt x="1535" y="483"/>
                  </a:lnTo>
                  <a:lnTo>
                    <a:pt x="1538" y="475"/>
                  </a:lnTo>
                  <a:lnTo>
                    <a:pt x="1546" y="464"/>
                  </a:lnTo>
                  <a:lnTo>
                    <a:pt x="1550" y="456"/>
                  </a:lnTo>
                  <a:lnTo>
                    <a:pt x="1554" y="445"/>
                  </a:lnTo>
                  <a:lnTo>
                    <a:pt x="1557" y="433"/>
                  </a:lnTo>
                  <a:lnTo>
                    <a:pt x="1561" y="426"/>
                  </a:lnTo>
                  <a:lnTo>
                    <a:pt x="1565" y="414"/>
                  </a:lnTo>
                  <a:lnTo>
                    <a:pt x="1569" y="403"/>
                  </a:lnTo>
                  <a:lnTo>
                    <a:pt x="1573" y="395"/>
                  </a:lnTo>
                  <a:lnTo>
                    <a:pt x="1576" y="384"/>
                  </a:lnTo>
                  <a:lnTo>
                    <a:pt x="1580" y="376"/>
                  </a:lnTo>
                  <a:lnTo>
                    <a:pt x="1580" y="369"/>
                  </a:lnTo>
                  <a:lnTo>
                    <a:pt x="1584" y="365"/>
                  </a:lnTo>
                  <a:lnTo>
                    <a:pt x="1588" y="354"/>
                  </a:lnTo>
                  <a:lnTo>
                    <a:pt x="1592" y="346"/>
                  </a:lnTo>
                  <a:lnTo>
                    <a:pt x="1595" y="335"/>
                  </a:lnTo>
                  <a:lnTo>
                    <a:pt x="1599" y="319"/>
                  </a:lnTo>
                  <a:lnTo>
                    <a:pt x="1603" y="316"/>
                  </a:lnTo>
                  <a:lnTo>
                    <a:pt x="1607" y="308"/>
                  </a:lnTo>
                  <a:lnTo>
                    <a:pt x="1611" y="300"/>
                  </a:lnTo>
                  <a:lnTo>
                    <a:pt x="1614" y="293"/>
                  </a:lnTo>
                  <a:lnTo>
                    <a:pt x="1618" y="285"/>
                  </a:lnTo>
                  <a:lnTo>
                    <a:pt x="1622" y="278"/>
                  </a:lnTo>
                  <a:lnTo>
                    <a:pt x="1626" y="270"/>
                  </a:lnTo>
                  <a:lnTo>
                    <a:pt x="1626" y="262"/>
                  </a:lnTo>
                  <a:lnTo>
                    <a:pt x="1630" y="255"/>
                  </a:lnTo>
                  <a:lnTo>
                    <a:pt x="1633" y="243"/>
                  </a:lnTo>
                  <a:lnTo>
                    <a:pt x="1637" y="240"/>
                  </a:lnTo>
                  <a:lnTo>
                    <a:pt x="1641" y="232"/>
                  </a:lnTo>
                  <a:lnTo>
                    <a:pt x="1645" y="221"/>
                  </a:lnTo>
                  <a:lnTo>
                    <a:pt x="1649" y="213"/>
                  </a:lnTo>
                  <a:lnTo>
                    <a:pt x="1649" y="205"/>
                  </a:lnTo>
                  <a:lnTo>
                    <a:pt x="1652" y="198"/>
                  </a:lnTo>
                  <a:lnTo>
                    <a:pt x="1656" y="190"/>
                  </a:lnTo>
                  <a:lnTo>
                    <a:pt x="1660" y="186"/>
                  </a:lnTo>
                  <a:lnTo>
                    <a:pt x="1664" y="179"/>
                  </a:lnTo>
                  <a:lnTo>
                    <a:pt x="1667" y="171"/>
                  </a:lnTo>
                  <a:lnTo>
                    <a:pt x="1675" y="175"/>
                  </a:lnTo>
                  <a:lnTo>
                    <a:pt x="1679" y="179"/>
                  </a:lnTo>
                  <a:lnTo>
                    <a:pt x="1686" y="179"/>
                  </a:lnTo>
                  <a:lnTo>
                    <a:pt x="1694" y="175"/>
                  </a:lnTo>
                  <a:lnTo>
                    <a:pt x="1702" y="167"/>
                  </a:lnTo>
                  <a:lnTo>
                    <a:pt x="1705" y="160"/>
                  </a:lnTo>
                  <a:lnTo>
                    <a:pt x="1713" y="148"/>
                  </a:lnTo>
                  <a:lnTo>
                    <a:pt x="1721" y="141"/>
                  </a:lnTo>
                  <a:lnTo>
                    <a:pt x="1724" y="133"/>
                  </a:lnTo>
                  <a:lnTo>
                    <a:pt x="1732" y="126"/>
                  </a:lnTo>
                  <a:lnTo>
                    <a:pt x="1740" y="118"/>
                  </a:lnTo>
                  <a:lnTo>
                    <a:pt x="1747" y="110"/>
                  </a:lnTo>
                  <a:lnTo>
                    <a:pt x="1755" y="103"/>
                  </a:lnTo>
                  <a:lnTo>
                    <a:pt x="1759" y="95"/>
                  </a:lnTo>
                  <a:lnTo>
                    <a:pt x="1766" y="88"/>
                  </a:lnTo>
                  <a:lnTo>
                    <a:pt x="1774" y="80"/>
                  </a:lnTo>
                  <a:lnTo>
                    <a:pt x="1778" y="69"/>
                  </a:lnTo>
                  <a:lnTo>
                    <a:pt x="1785" y="61"/>
                  </a:lnTo>
                  <a:lnTo>
                    <a:pt x="1793" y="53"/>
                  </a:lnTo>
                  <a:lnTo>
                    <a:pt x="1800" y="42"/>
                  </a:lnTo>
                  <a:lnTo>
                    <a:pt x="1800" y="34"/>
                  </a:lnTo>
                  <a:lnTo>
                    <a:pt x="1800" y="27"/>
                  </a:lnTo>
                  <a:lnTo>
                    <a:pt x="1797" y="15"/>
                  </a:lnTo>
                  <a:lnTo>
                    <a:pt x="1793" y="8"/>
                  </a:lnTo>
                  <a:lnTo>
                    <a:pt x="1785" y="4"/>
                  </a:lnTo>
                  <a:lnTo>
                    <a:pt x="1778" y="0"/>
                  </a:lnTo>
                  <a:lnTo>
                    <a:pt x="1770" y="0"/>
                  </a:lnTo>
                  <a:lnTo>
                    <a:pt x="1762" y="4"/>
                  </a:lnTo>
                  <a:lnTo>
                    <a:pt x="1762" y="4"/>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2" name="Freeform 20"/>
            <p:cNvSpPr>
              <a:spLocks/>
            </p:cNvSpPr>
            <p:nvPr/>
          </p:nvSpPr>
          <p:spPr bwMode="auto">
            <a:xfrm>
              <a:off x="2318" y="992"/>
              <a:ext cx="601" cy="228"/>
            </a:xfrm>
            <a:custGeom>
              <a:avLst/>
              <a:gdLst/>
              <a:ahLst/>
              <a:cxnLst>
                <a:cxn ang="0">
                  <a:pos x="528" y="34"/>
                </a:cxn>
                <a:cxn ang="0">
                  <a:pos x="487" y="27"/>
                </a:cxn>
                <a:cxn ang="0">
                  <a:pos x="449" y="23"/>
                </a:cxn>
                <a:cxn ang="0">
                  <a:pos x="407" y="15"/>
                </a:cxn>
                <a:cxn ang="0">
                  <a:pos x="369" y="11"/>
                </a:cxn>
                <a:cxn ang="0">
                  <a:pos x="327" y="8"/>
                </a:cxn>
                <a:cxn ang="0">
                  <a:pos x="285" y="8"/>
                </a:cxn>
                <a:cxn ang="0">
                  <a:pos x="243" y="4"/>
                </a:cxn>
                <a:cxn ang="0">
                  <a:pos x="205" y="4"/>
                </a:cxn>
                <a:cxn ang="0">
                  <a:pos x="164" y="0"/>
                </a:cxn>
                <a:cxn ang="0">
                  <a:pos x="122" y="0"/>
                </a:cxn>
                <a:cxn ang="0">
                  <a:pos x="84" y="0"/>
                </a:cxn>
                <a:cxn ang="0">
                  <a:pos x="42" y="0"/>
                </a:cxn>
                <a:cxn ang="0">
                  <a:pos x="19" y="27"/>
                </a:cxn>
                <a:cxn ang="0">
                  <a:pos x="0" y="84"/>
                </a:cxn>
                <a:cxn ang="0">
                  <a:pos x="19" y="122"/>
                </a:cxn>
                <a:cxn ang="0">
                  <a:pos x="61" y="133"/>
                </a:cxn>
                <a:cxn ang="0">
                  <a:pos x="103" y="141"/>
                </a:cxn>
                <a:cxn ang="0">
                  <a:pos x="145" y="152"/>
                </a:cxn>
                <a:cxn ang="0">
                  <a:pos x="186" y="156"/>
                </a:cxn>
                <a:cxn ang="0">
                  <a:pos x="228" y="163"/>
                </a:cxn>
                <a:cxn ang="0">
                  <a:pos x="270" y="171"/>
                </a:cxn>
                <a:cxn ang="0">
                  <a:pos x="312" y="179"/>
                </a:cxn>
                <a:cxn ang="0">
                  <a:pos x="354" y="186"/>
                </a:cxn>
                <a:cxn ang="0">
                  <a:pos x="395" y="194"/>
                </a:cxn>
                <a:cxn ang="0">
                  <a:pos x="437" y="201"/>
                </a:cxn>
                <a:cxn ang="0">
                  <a:pos x="479" y="213"/>
                </a:cxn>
                <a:cxn ang="0">
                  <a:pos x="521" y="220"/>
                </a:cxn>
                <a:cxn ang="0">
                  <a:pos x="559" y="224"/>
                </a:cxn>
                <a:cxn ang="0">
                  <a:pos x="574" y="194"/>
                </a:cxn>
                <a:cxn ang="0">
                  <a:pos x="585" y="156"/>
                </a:cxn>
                <a:cxn ang="0">
                  <a:pos x="593" y="118"/>
                </a:cxn>
                <a:cxn ang="0">
                  <a:pos x="589" y="80"/>
                </a:cxn>
                <a:cxn ang="0">
                  <a:pos x="559" y="106"/>
                </a:cxn>
                <a:cxn ang="0">
                  <a:pos x="536" y="152"/>
                </a:cxn>
                <a:cxn ang="0">
                  <a:pos x="506" y="175"/>
                </a:cxn>
                <a:cxn ang="0">
                  <a:pos x="468" y="171"/>
                </a:cxn>
                <a:cxn ang="0">
                  <a:pos x="422" y="163"/>
                </a:cxn>
                <a:cxn ang="0">
                  <a:pos x="376" y="156"/>
                </a:cxn>
                <a:cxn ang="0">
                  <a:pos x="331" y="148"/>
                </a:cxn>
                <a:cxn ang="0">
                  <a:pos x="285" y="141"/>
                </a:cxn>
                <a:cxn ang="0">
                  <a:pos x="240" y="133"/>
                </a:cxn>
                <a:cxn ang="0">
                  <a:pos x="194" y="125"/>
                </a:cxn>
                <a:cxn ang="0">
                  <a:pos x="148" y="118"/>
                </a:cxn>
                <a:cxn ang="0">
                  <a:pos x="259" y="46"/>
                </a:cxn>
                <a:cxn ang="0">
                  <a:pos x="304" y="49"/>
                </a:cxn>
                <a:cxn ang="0">
                  <a:pos x="346" y="57"/>
                </a:cxn>
                <a:cxn ang="0">
                  <a:pos x="395" y="65"/>
                </a:cxn>
                <a:cxn ang="0">
                  <a:pos x="437" y="68"/>
                </a:cxn>
                <a:cxn ang="0">
                  <a:pos x="483" y="72"/>
                </a:cxn>
                <a:cxn ang="0">
                  <a:pos x="528" y="72"/>
                </a:cxn>
                <a:cxn ang="0">
                  <a:pos x="547" y="49"/>
                </a:cxn>
              </a:cxnLst>
              <a:rect l="0" t="0" r="r" b="b"/>
              <a:pathLst>
                <a:path w="601" h="228">
                  <a:moveTo>
                    <a:pt x="559" y="42"/>
                  </a:moveTo>
                  <a:lnTo>
                    <a:pt x="551" y="42"/>
                  </a:lnTo>
                  <a:lnTo>
                    <a:pt x="544" y="38"/>
                  </a:lnTo>
                  <a:lnTo>
                    <a:pt x="536" y="38"/>
                  </a:lnTo>
                  <a:lnTo>
                    <a:pt x="528" y="34"/>
                  </a:lnTo>
                  <a:lnTo>
                    <a:pt x="521" y="34"/>
                  </a:lnTo>
                  <a:lnTo>
                    <a:pt x="513" y="30"/>
                  </a:lnTo>
                  <a:lnTo>
                    <a:pt x="502" y="30"/>
                  </a:lnTo>
                  <a:lnTo>
                    <a:pt x="498" y="30"/>
                  </a:lnTo>
                  <a:lnTo>
                    <a:pt x="487" y="27"/>
                  </a:lnTo>
                  <a:lnTo>
                    <a:pt x="479" y="27"/>
                  </a:lnTo>
                  <a:lnTo>
                    <a:pt x="471" y="27"/>
                  </a:lnTo>
                  <a:lnTo>
                    <a:pt x="464" y="23"/>
                  </a:lnTo>
                  <a:lnTo>
                    <a:pt x="456" y="23"/>
                  </a:lnTo>
                  <a:lnTo>
                    <a:pt x="449" y="23"/>
                  </a:lnTo>
                  <a:lnTo>
                    <a:pt x="441" y="19"/>
                  </a:lnTo>
                  <a:lnTo>
                    <a:pt x="433" y="19"/>
                  </a:lnTo>
                  <a:lnTo>
                    <a:pt x="422" y="19"/>
                  </a:lnTo>
                  <a:lnTo>
                    <a:pt x="414" y="19"/>
                  </a:lnTo>
                  <a:lnTo>
                    <a:pt x="407" y="15"/>
                  </a:lnTo>
                  <a:lnTo>
                    <a:pt x="399" y="15"/>
                  </a:lnTo>
                  <a:lnTo>
                    <a:pt x="392" y="15"/>
                  </a:lnTo>
                  <a:lnTo>
                    <a:pt x="384" y="15"/>
                  </a:lnTo>
                  <a:lnTo>
                    <a:pt x="373" y="11"/>
                  </a:lnTo>
                  <a:lnTo>
                    <a:pt x="369" y="11"/>
                  </a:lnTo>
                  <a:lnTo>
                    <a:pt x="357" y="11"/>
                  </a:lnTo>
                  <a:lnTo>
                    <a:pt x="350" y="11"/>
                  </a:lnTo>
                  <a:lnTo>
                    <a:pt x="342" y="8"/>
                  </a:lnTo>
                  <a:lnTo>
                    <a:pt x="335" y="8"/>
                  </a:lnTo>
                  <a:lnTo>
                    <a:pt x="327" y="8"/>
                  </a:lnTo>
                  <a:lnTo>
                    <a:pt x="319" y="8"/>
                  </a:lnTo>
                  <a:lnTo>
                    <a:pt x="312" y="8"/>
                  </a:lnTo>
                  <a:lnTo>
                    <a:pt x="304" y="8"/>
                  </a:lnTo>
                  <a:lnTo>
                    <a:pt x="293" y="8"/>
                  </a:lnTo>
                  <a:lnTo>
                    <a:pt x="285" y="8"/>
                  </a:lnTo>
                  <a:lnTo>
                    <a:pt x="278" y="4"/>
                  </a:lnTo>
                  <a:lnTo>
                    <a:pt x="270" y="4"/>
                  </a:lnTo>
                  <a:lnTo>
                    <a:pt x="262" y="4"/>
                  </a:lnTo>
                  <a:lnTo>
                    <a:pt x="251" y="4"/>
                  </a:lnTo>
                  <a:lnTo>
                    <a:pt x="243" y="4"/>
                  </a:lnTo>
                  <a:lnTo>
                    <a:pt x="236" y="4"/>
                  </a:lnTo>
                  <a:lnTo>
                    <a:pt x="228" y="4"/>
                  </a:lnTo>
                  <a:lnTo>
                    <a:pt x="221" y="4"/>
                  </a:lnTo>
                  <a:lnTo>
                    <a:pt x="213" y="4"/>
                  </a:lnTo>
                  <a:lnTo>
                    <a:pt x="205" y="4"/>
                  </a:lnTo>
                  <a:lnTo>
                    <a:pt x="194" y="4"/>
                  </a:lnTo>
                  <a:lnTo>
                    <a:pt x="186" y="4"/>
                  </a:lnTo>
                  <a:lnTo>
                    <a:pt x="179" y="4"/>
                  </a:lnTo>
                  <a:lnTo>
                    <a:pt x="171" y="4"/>
                  </a:lnTo>
                  <a:lnTo>
                    <a:pt x="164" y="0"/>
                  </a:lnTo>
                  <a:lnTo>
                    <a:pt x="156" y="0"/>
                  </a:lnTo>
                  <a:lnTo>
                    <a:pt x="145" y="0"/>
                  </a:lnTo>
                  <a:lnTo>
                    <a:pt x="137" y="0"/>
                  </a:lnTo>
                  <a:lnTo>
                    <a:pt x="129" y="0"/>
                  </a:lnTo>
                  <a:lnTo>
                    <a:pt x="122" y="0"/>
                  </a:lnTo>
                  <a:lnTo>
                    <a:pt x="114" y="0"/>
                  </a:lnTo>
                  <a:lnTo>
                    <a:pt x="107" y="0"/>
                  </a:lnTo>
                  <a:lnTo>
                    <a:pt x="99" y="0"/>
                  </a:lnTo>
                  <a:lnTo>
                    <a:pt x="88" y="0"/>
                  </a:lnTo>
                  <a:lnTo>
                    <a:pt x="84" y="0"/>
                  </a:lnTo>
                  <a:lnTo>
                    <a:pt x="76" y="0"/>
                  </a:lnTo>
                  <a:lnTo>
                    <a:pt x="65" y="0"/>
                  </a:lnTo>
                  <a:lnTo>
                    <a:pt x="57" y="0"/>
                  </a:lnTo>
                  <a:lnTo>
                    <a:pt x="50" y="0"/>
                  </a:lnTo>
                  <a:lnTo>
                    <a:pt x="42" y="0"/>
                  </a:lnTo>
                  <a:lnTo>
                    <a:pt x="34" y="0"/>
                  </a:lnTo>
                  <a:lnTo>
                    <a:pt x="31" y="4"/>
                  </a:lnTo>
                  <a:lnTo>
                    <a:pt x="27" y="8"/>
                  </a:lnTo>
                  <a:lnTo>
                    <a:pt x="27" y="15"/>
                  </a:lnTo>
                  <a:lnTo>
                    <a:pt x="19" y="27"/>
                  </a:lnTo>
                  <a:lnTo>
                    <a:pt x="15" y="38"/>
                  </a:lnTo>
                  <a:lnTo>
                    <a:pt x="8" y="49"/>
                  </a:lnTo>
                  <a:lnTo>
                    <a:pt x="8" y="61"/>
                  </a:lnTo>
                  <a:lnTo>
                    <a:pt x="4" y="72"/>
                  </a:lnTo>
                  <a:lnTo>
                    <a:pt x="0" y="84"/>
                  </a:lnTo>
                  <a:lnTo>
                    <a:pt x="0" y="95"/>
                  </a:lnTo>
                  <a:lnTo>
                    <a:pt x="0" y="106"/>
                  </a:lnTo>
                  <a:lnTo>
                    <a:pt x="4" y="118"/>
                  </a:lnTo>
                  <a:lnTo>
                    <a:pt x="12" y="122"/>
                  </a:lnTo>
                  <a:lnTo>
                    <a:pt x="19" y="122"/>
                  </a:lnTo>
                  <a:lnTo>
                    <a:pt x="31" y="125"/>
                  </a:lnTo>
                  <a:lnTo>
                    <a:pt x="38" y="125"/>
                  </a:lnTo>
                  <a:lnTo>
                    <a:pt x="46" y="129"/>
                  </a:lnTo>
                  <a:lnTo>
                    <a:pt x="53" y="129"/>
                  </a:lnTo>
                  <a:lnTo>
                    <a:pt x="61" y="133"/>
                  </a:lnTo>
                  <a:lnTo>
                    <a:pt x="69" y="133"/>
                  </a:lnTo>
                  <a:lnTo>
                    <a:pt x="80" y="137"/>
                  </a:lnTo>
                  <a:lnTo>
                    <a:pt x="84" y="137"/>
                  </a:lnTo>
                  <a:lnTo>
                    <a:pt x="95" y="141"/>
                  </a:lnTo>
                  <a:lnTo>
                    <a:pt x="103" y="141"/>
                  </a:lnTo>
                  <a:lnTo>
                    <a:pt x="110" y="144"/>
                  </a:lnTo>
                  <a:lnTo>
                    <a:pt x="118" y="144"/>
                  </a:lnTo>
                  <a:lnTo>
                    <a:pt x="126" y="148"/>
                  </a:lnTo>
                  <a:lnTo>
                    <a:pt x="137" y="148"/>
                  </a:lnTo>
                  <a:lnTo>
                    <a:pt x="145" y="152"/>
                  </a:lnTo>
                  <a:lnTo>
                    <a:pt x="152" y="152"/>
                  </a:lnTo>
                  <a:lnTo>
                    <a:pt x="160" y="152"/>
                  </a:lnTo>
                  <a:lnTo>
                    <a:pt x="167" y="152"/>
                  </a:lnTo>
                  <a:lnTo>
                    <a:pt x="179" y="156"/>
                  </a:lnTo>
                  <a:lnTo>
                    <a:pt x="186" y="156"/>
                  </a:lnTo>
                  <a:lnTo>
                    <a:pt x="194" y="160"/>
                  </a:lnTo>
                  <a:lnTo>
                    <a:pt x="202" y="160"/>
                  </a:lnTo>
                  <a:lnTo>
                    <a:pt x="213" y="163"/>
                  </a:lnTo>
                  <a:lnTo>
                    <a:pt x="217" y="163"/>
                  </a:lnTo>
                  <a:lnTo>
                    <a:pt x="228" y="163"/>
                  </a:lnTo>
                  <a:lnTo>
                    <a:pt x="236" y="163"/>
                  </a:lnTo>
                  <a:lnTo>
                    <a:pt x="243" y="167"/>
                  </a:lnTo>
                  <a:lnTo>
                    <a:pt x="251" y="167"/>
                  </a:lnTo>
                  <a:lnTo>
                    <a:pt x="262" y="171"/>
                  </a:lnTo>
                  <a:lnTo>
                    <a:pt x="270" y="171"/>
                  </a:lnTo>
                  <a:lnTo>
                    <a:pt x="278" y="175"/>
                  </a:lnTo>
                  <a:lnTo>
                    <a:pt x="285" y="175"/>
                  </a:lnTo>
                  <a:lnTo>
                    <a:pt x="293" y="179"/>
                  </a:lnTo>
                  <a:lnTo>
                    <a:pt x="304" y="179"/>
                  </a:lnTo>
                  <a:lnTo>
                    <a:pt x="312" y="179"/>
                  </a:lnTo>
                  <a:lnTo>
                    <a:pt x="319" y="182"/>
                  </a:lnTo>
                  <a:lnTo>
                    <a:pt x="327" y="182"/>
                  </a:lnTo>
                  <a:lnTo>
                    <a:pt x="335" y="182"/>
                  </a:lnTo>
                  <a:lnTo>
                    <a:pt x="346" y="186"/>
                  </a:lnTo>
                  <a:lnTo>
                    <a:pt x="354" y="186"/>
                  </a:lnTo>
                  <a:lnTo>
                    <a:pt x="361" y="186"/>
                  </a:lnTo>
                  <a:lnTo>
                    <a:pt x="369" y="186"/>
                  </a:lnTo>
                  <a:lnTo>
                    <a:pt x="380" y="190"/>
                  </a:lnTo>
                  <a:lnTo>
                    <a:pt x="388" y="194"/>
                  </a:lnTo>
                  <a:lnTo>
                    <a:pt x="395" y="194"/>
                  </a:lnTo>
                  <a:lnTo>
                    <a:pt x="403" y="194"/>
                  </a:lnTo>
                  <a:lnTo>
                    <a:pt x="414" y="198"/>
                  </a:lnTo>
                  <a:lnTo>
                    <a:pt x="418" y="198"/>
                  </a:lnTo>
                  <a:lnTo>
                    <a:pt x="430" y="201"/>
                  </a:lnTo>
                  <a:lnTo>
                    <a:pt x="437" y="201"/>
                  </a:lnTo>
                  <a:lnTo>
                    <a:pt x="445" y="205"/>
                  </a:lnTo>
                  <a:lnTo>
                    <a:pt x="452" y="205"/>
                  </a:lnTo>
                  <a:lnTo>
                    <a:pt x="464" y="209"/>
                  </a:lnTo>
                  <a:lnTo>
                    <a:pt x="471" y="209"/>
                  </a:lnTo>
                  <a:lnTo>
                    <a:pt x="479" y="213"/>
                  </a:lnTo>
                  <a:lnTo>
                    <a:pt x="487" y="213"/>
                  </a:lnTo>
                  <a:lnTo>
                    <a:pt x="494" y="217"/>
                  </a:lnTo>
                  <a:lnTo>
                    <a:pt x="502" y="217"/>
                  </a:lnTo>
                  <a:lnTo>
                    <a:pt x="513" y="217"/>
                  </a:lnTo>
                  <a:lnTo>
                    <a:pt x="521" y="220"/>
                  </a:lnTo>
                  <a:lnTo>
                    <a:pt x="528" y="224"/>
                  </a:lnTo>
                  <a:lnTo>
                    <a:pt x="536" y="224"/>
                  </a:lnTo>
                  <a:lnTo>
                    <a:pt x="547" y="228"/>
                  </a:lnTo>
                  <a:lnTo>
                    <a:pt x="551" y="228"/>
                  </a:lnTo>
                  <a:lnTo>
                    <a:pt x="559" y="224"/>
                  </a:lnTo>
                  <a:lnTo>
                    <a:pt x="563" y="220"/>
                  </a:lnTo>
                  <a:lnTo>
                    <a:pt x="570" y="217"/>
                  </a:lnTo>
                  <a:lnTo>
                    <a:pt x="570" y="209"/>
                  </a:lnTo>
                  <a:lnTo>
                    <a:pt x="574" y="201"/>
                  </a:lnTo>
                  <a:lnTo>
                    <a:pt x="574" y="194"/>
                  </a:lnTo>
                  <a:lnTo>
                    <a:pt x="578" y="186"/>
                  </a:lnTo>
                  <a:lnTo>
                    <a:pt x="578" y="179"/>
                  </a:lnTo>
                  <a:lnTo>
                    <a:pt x="582" y="171"/>
                  </a:lnTo>
                  <a:lnTo>
                    <a:pt x="585" y="163"/>
                  </a:lnTo>
                  <a:lnTo>
                    <a:pt x="585" y="156"/>
                  </a:lnTo>
                  <a:lnTo>
                    <a:pt x="589" y="148"/>
                  </a:lnTo>
                  <a:lnTo>
                    <a:pt x="589" y="141"/>
                  </a:lnTo>
                  <a:lnTo>
                    <a:pt x="589" y="133"/>
                  </a:lnTo>
                  <a:lnTo>
                    <a:pt x="593" y="125"/>
                  </a:lnTo>
                  <a:lnTo>
                    <a:pt x="593" y="118"/>
                  </a:lnTo>
                  <a:lnTo>
                    <a:pt x="597" y="110"/>
                  </a:lnTo>
                  <a:lnTo>
                    <a:pt x="597" y="103"/>
                  </a:lnTo>
                  <a:lnTo>
                    <a:pt x="601" y="95"/>
                  </a:lnTo>
                  <a:lnTo>
                    <a:pt x="597" y="84"/>
                  </a:lnTo>
                  <a:lnTo>
                    <a:pt x="589" y="80"/>
                  </a:lnTo>
                  <a:lnTo>
                    <a:pt x="578" y="76"/>
                  </a:lnTo>
                  <a:lnTo>
                    <a:pt x="574" y="84"/>
                  </a:lnTo>
                  <a:lnTo>
                    <a:pt x="566" y="91"/>
                  </a:lnTo>
                  <a:lnTo>
                    <a:pt x="563" y="99"/>
                  </a:lnTo>
                  <a:lnTo>
                    <a:pt x="559" y="106"/>
                  </a:lnTo>
                  <a:lnTo>
                    <a:pt x="555" y="114"/>
                  </a:lnTo>
                  <a:lnTo>
                    <a:pt x="551" y="125"/>
                  </a:lnTo>
                  <a:lnTo>
                    <a:pt x="547" y="137"/>
                  </a:lnTo>
                  <a:lnTo>
                    <a:pt x="540" y="144"/>
                  </a:lnTo>
                  <a:lnTo>
                    <a:pt x="536" y="152"/>
                  </a:lnTo>
                  <a:lnTo>
                    <a:pt x="532" y="160"/>
                  </a:lnTo>
                  <a:lnTo>
                    <a:pt x="528" y="167"/>
                  </a:lnTo>
                  <a:lnTo>
                    <a:pt x="521" y="167"/>
                  </a:lnTo>
                  <a:lnTo>
                    <a:pt x="513" y="171"/>
                  </a:lnTo>
                  <a:lnTo>
                    <a:pt x="506" y="175"/>
                  </a:lnTo>
                  <a:lnTo>
                    <a:pt x="494" y="175"/>
                  </a:lnTo>
                  <a:lnTo>
                    <a:pt x="487" y="175"/>
                  </a:lnTo>
                  <a:lnTo>
                    <a:pt x="483" y="175"/>
                  </a:lnTo>
                  <a:lnTo>
                    <a:pt x="475" y="171"/>
                  </a:lnTo>
                  <a:lnTo>
                    <a:pt x="468" y="171"/>
                  </a:lnTo>
                  <a:lnTo>
                    <a:pt x="460" y="171"/>
                  </a:lnTo>
                  <a:lnTo>
                    <a:pt x="449" y="171"/>
                  </a:lnTo>
                  <a:lnTo>
                    <a:pt x="441" y="167"/>
                  </a:lnTo>
                  <a:lnTo>
                    <a:pt x="433" y="167"/>
                  </a:lnTo>
                  <a:lnTo>
                    <a:pt x="422" y="163"/>
                  </a:lnTo>
                  <a:lnTo>
                    <a:pt x="414" y="163"/>
                  </a:lnTo>
                  <a:lnTo>
                    <a:pt x="403" y="163"/>
                  </a:lnTo>
                  <a:lnTo>
                    <a:pt x="395" y="160"/>
                  </a:lnTo>
                  <a:lnTo>
                    <a:pt x="384" y="160"/>
                  </a:lnTo>
                  <a:lnTo>
                    <a:pt x="376" y="156"/>
                  </a:lnTo>
                  <a:lnTo>
                    <a:pt x="369" y="156"/>
                  </a:lnTo>
                  <a:lnTo>
                    <a:pt x="357" y="152"/>
                  </a:lnTo>
                  <a:lnTo>
                    <a:pt x="350" y="152"/>
                  </a:lnTo>
                  <a:lnTo>
                    <a:pt x="342" y="148"/>
                  </a:lnTo>
                  <a:lnTo>
                    <a:pt x="331" y="148"/>
                  </a:lnTo>
                  <a:lnTo>
                    <a:pt x="323" y="148"/>
                  </a:lnTo>
                  <a:lnTo>
                    <a:pt x="312" y="144"/>
                  </a:lnTo>
                  <a:lnTo>
                    <a:pt x="304" y="144"/>
                  </a:lnTo>
                  <a:lnTo>
                    <a:pt x="293" y="141"/>
                  </a:lnTo>
                  <a:lnTo>
                    <a:pt x="285" y="141"/>
                  </a:lnTo>
                  <a:lnTo>
                    <a:pt x="278" y="137"/>
                  </a:lnTo>
                  <a:lnTo>
                    <a:pt x="266" y="137"/>
                  </a:lnTo>
                  <a:lnTo>
                    <a:pt x="259" y="133"/>
                  </a:lnTo>
                  <a:lnTo>
                    <a:pt x="251" y="133"/>
                  </a:lnTo>
                  <a:lnTo>
                    <a:pt x="240" y="133"/>
                  </a:lnTo>
                  <a:lnTo>
                    <a:pt x="232" y="133"/>
                  </a:lnTo>
                  <a:lnTo>
                    <a:pt x="221" y="129"/>
                  </a:lnTo>
                  <a:lnTo>
                    <a:pt x="213" y="129"/>
                  </a:lnTo>
                  <a:lnTo>
                    <a:pt x="205" y="125"/>
                  </a:lnTo>
                  <a:lnTo>
                    <a:pt x="194" y="125"/>
                  </a:lnTo>
                  <a:lnTo>
                    <a:pt x="186" y="125"/>
                  </a:lnTo>
                  <a:lnTo>
                    <a:pt x="179" y="122"/>
                  </a:lnTo>
                  <a:lnTo>
                    <a:pt x="167" y="122"/>
                  </a:lnTo>
                  <a:lnTo>
                    <a:pt x="160" y="122"/>
                  </a:lnTo>
                  <a:lnTo>
                    <a:pt x="148" y="118"/>
                  </a:lnTo>
                  <a:lnTo>
                    <a:pt x="141" y="118"/>
                  </a:lnTo>
                  <a:lnTo>
                    <a:pt x="50" y="99"/>
                  </a:lnTo>
                  <a:lnTo>
                    <a:pt x="65" y="27"/>
                  </a:lnTo>
                  <a:lnTo>
                    <a:pt x="251" y="46"/>
                  </a:lnTo>
                  <a:lnTo>
                    <a:pt x="259" y="46"/>
                  </a:lnTo>
                  <a:lnTo>
                    <a:pt x="266" y="46"/>
                  </a:lnTo>
                  <a:lnTo>
                    <a:pt x="278" y="49"/>
                  </a:lnTo>
                  <a:lnTo>
                    <a:pt x="285" y="49"/>
                  </a:lnTo>
                  <a:lnTo>
                    <a:pt x="293" y="49"/>
                  </a:lnTo>
                  <a:lnTo>
                    <a:pt x="304" y="49"/>
                  </a:lnTo>
                  <a:lnTo>
                    <a:pt x="312" y="53"/>
                  </a:lnTo>
                  <a:lnTo>
                    <a:pt x="323" y="53"/>
                  </a:lnTo>
                  <a:lnTo>
                    <a:pt x="331" y="53"/>
                  </a:lnTo>
                  <a:lnTo>
                    <a:pt x="338" y="57"/>
                  </a:lnTo>
                  <a:lnTo>
                    <a:pt x="346" y="57"/>
                  </a:lnTo>
                  <a:lnTo>
                    <a:pt x="357" y="57"/>
                  </a:lnTo>
                  <a:lnTo>
                    <a:pt x="365" y="57"/>
                  </a:lnTo>
                  <a:lnTo>
                    <a:pt x="376" y="61"/>
                  </a:lnTo>
                  <a:lnTo>
                    <a:pt x="384" y="61"/>
                  </a:lnTo>
                  <a:lnTo>
                    <a:pt x="395" y="65"/>
                  </a:lnTo>
                  <a:lnTo>
                    <a:pt x="399" y="65"/>
                  </a:lnTo>
                  <a:lnTo>
                    <a:pt x="411" y="65"/>
                  </a:lnTo>
                  <a:lnTo>
                    <a:pt x="418" y="65"/>
                  </a:lnTo>
                  <a:lnTo>
                    <a:pt x="430" y="68"/>
                  </a:lnTo>
                  <a:lnTo>
                    <a:pt x="437" y="68"/>
                  </a:lnTo>
                  <a:lnTo>
                    <a:pt x="449" y="68"/>
                  </a:lnTo>
                  <a:lnTo>
                    <a:pt x="456" y="68"/>
                  </a:lnTo>
                  <a:lnTo>
                    <a:pt x="464" y="72"/>
                  </a:lnTo>
                  <a:lnTo>
                    <a:pt x="471" y="72"/>
                  </a:lnTo>
                  <a:lnTo>
                    <a:pt x="483" y="72"/>
                  </a:lnTo>
                  <a:lnTo>
                    <a:pt x="490" y="72"/>
                  </a:lnTo>
                  <a:lnTo>
                    <a:pt x="502" y="72"/>
                  </a:lnTo>
                  <a:lnTo>
                    <a:pt x="509" y="72"/>
                  </a:lnTo>
                  <a:lnTo>
                    <a:pt x="521" y="72"/>
                  </a:lnTo>
                  <a:lnTo>
                    <a:pt x="528" y="72"/>
                  </a:lnTo>
                  <a:lnTo>
                    <a:pt x="540" y="72"/>
                  </a:lnTo>
                  <a:lnTo>
                    <a:pt x="540" y="68"/>
                  </a:lnTo>
                  <a:lnTo>
                    <a:pt x="544" y="61"/>
                  </a:lnTo>
                  <a:lnTo>
                    <a:pt x="547" y="53"/>
                  </a:lnTo>
                  <a:lnTo>
                    <a:pt x="547" y="49"/>
                  </a:lnTo>
                  <a:lnTo>
                    <a:pt x="559" y="42"/>
                  </a:lnTo>
                  <a:lnTo>
                    <a:pt x="559" y="42"/>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3" name="Freeform 21"/>
            <p:cNvSpPr>
              <a:spLocks/>
            </p:cNvSpPr>
            <p:nvPr/>
          </p:nvSpPr>
          <p:spPr bwMode="auto">
            <a:xfrm>
              <a:off x="2527" y="604"/>
              <a:ext cx="901" cy="206"/>
            </a:xfrm>
            <a:custGeom>
              <a:avLst/>
              <a:gdLst/>
              <a:ahLst/>
              <a:cxnLst>
                <a:cxn ang="0">
                  <a:pos x="870" y="179"/>
                </a:cxn>
                <a:cxn ang="0">
                  <a:pos x="828" y="171"/>
                </a:cxn>
                <a:cxn ang="0">
                  <a:pos x="787" y="164"/>
                </a:cxn>
                <a:cxn ang="0">
                  <a:pos x="745" y="152"/>
                </a:cxn>
                <a:cxn ang="0">
                  <a:pos x="703" y="145"/>
                </a:cxn>
                <a:cxn ang="0">
                  <a:pos x="661" y="133"/>
                </a:cxn>
                <a:cxn ang="0">
                  <a:pos x="623" y="122"/>
                </a:cxn>
                <a:cxn ang="0">
                  <a:pos x="581" y="111"/>
                </a:cxn>
                <a:cxn ang="0">
                  <a:pos x="540" y="99"/>
                </a:cxn>
                <a:cxn ang="0">
                  <a:pos x="498" y="84"/>
                </a:cxn>
                <a:cxn ang="0">
                  <a:pos x="456" y="73"/>
                </a:cxn>
                <a:cxn ang="0">
                  <a:pos x="414" y="61"/>
                </a:cxn>
                <a:cxn ang="0">
                  <a:pos x="373" y="50"/>
                </a:cxn>
                <a:cxn ang="0">
                  <a:pos x="331" y="38"/>
                </a:cxn>
                <a:cxn ang="0">
                  <a:pos x="289" y="27"/>
                </a:cxn>
                <a:cxn ang="0">
                  <a:pos x="247" y="19"/>
                </a:cxn>
                <a:cxn ang="0">
                  <a:pos x="205" y="12"/>
                </a:cxn>
                <a:cxn ang="0">
                  <a:pos x="164" y="8"/>
                </a:cxn>
                <a:cxn ang="0">
                  <a:pos x="122" y="4"/>
                </a:cxn>
                <a:cxn ang="0">
                  <a:pos x="80" y="0"/>
                </a:cxn>
                <a:cxn ang="0">
                  <a:pos x="38" y="0"/>
                </a:cxn>
                <a:cxn ang="0">
                  <a:pos x="4" y="4"/>
                </a:cxn>
                <a:cxn ang="0">
                  <a:pos x="8" y="31"/>
                </a:cxn>
                <a:cxn ang="0">
                  <a:pos x="50" y="35"/>
                </a:cxn>
                <a:cxn ang="0">
                  <a:pos x="88" y="46"/>
                </a:cxn>
                <a:cxn ang="0">
                  <a:pos x="129" y="57"/>
                </a:cxn>
                <a:cxn ang="0">
                  <a:pos x="171" y="69"/>
                </a:cxn>
                <a:cxn ang="0">
                  <a:pos x="213" y="80"/>
                </a:cxn>
                <a:cxn ang="0">
                  <a:pos x="255" y="92"/>
                </a:cxn>
                <a:cxn ang="0">
                  <a:pos x="297" y="103"/>
                </a:cxn>
                <a:cxn ang="0">
                  <a:pos x="338" y="118"/>
                </a:cxn>
                <a:cxn ang="0">
                  <a:pos x="380" y="130"/>
                </a:cxn>
                <a:cxn ang="0">
                  <a:pos x="422" y="145"/>
                </a:cxn>
                <a:cxn ang="0">
                  <a:pos x="464" y="156"/>
                </a:cxn>
                <a:cxn ang="0">
                  <a:pos x="505" y="168"/>
                </a:cxn>
                <a:cxn ang="0">
                  <a:pos x="547" y="179"/>
                </a:cxn>
                <a:cxn ang="0">
                  <a:pos x="589" y="187"/>
                </a:cxn>
                <a:cxn ang="0">
                  <a:pos x="631" y="194"/>
                </a:cxn>
                <a:cxn ang="0">
                  <a:pos x="673" y="202"/>
                </a:cxn>
                <a:cxn ang="0">
                  <a:pos x="714" y="206"/>
                </a:cxn>
                <a:cxn ang="0">
                  <a:pos x="756" y="206"/>
                </a:cxn>
                <a:cxn ang="0">
                  <a:pos x="798" y="206"/>
                </a:cxn>
                <a:cxn ang="0">
                  <a:pos x="840" y="202"/>
                </a:cxn>
                <a:cxn ang="0">
                  <a:pos x="882" y="194"/>
                </a:cxn>
                <a:cxn ang="0">
                  <a:pos x="897" y="183"/>
                </a:cxn>
              </a:cxnLst>
              <a:rect l="0" t="0" r="r" b="b"/>
              <a:pathLst>
                <a:path w="901" h="206">
                  <a:moveTo>
                    <a:pt x="897" y="183"/>
                  </a:moveTo>
                  <a:lnTo>
                    <a:pt x="882" y="183"/>
                  </a:lnTo>
                  <a:lnTo>
                    <a:pt x="870" y="179"/>
                  </a:lnTo>
                  <a:lnTo>
                    <a:pt x="855" y="179"/>
                  </a:lnTo>
                  <a:lnTo>
                    <a:pt x="844" y="175"/>
                  </a:lnTo>
                  <a:lnTo>
                    <a:pt x="828" y="171"/>
                  </a:lnTo>
                  <a:lnTo>
                    <a:pt x="813" y="168"/>
                  </a:lnTo>
                  <a:lnTo>
                    <a:pt x="802" y="168"/>
                  </a:lnTo>
                  <a:lnTo>
                    <a:pt x="787" y="164"/>
                  </a:lnTo>
                  <a:lnTo>
                    <a:pt x="771" y="160"/>
                  </a:lnTo>
                  <a:lnTo>
                    <a:pt x="760" y="156"/>
                  </a:lnTo>
                  <a:lnTo>
                    <a:pt x="745" y="152"/>
                  </a:lnTo>
                  <a:lnTo>
                    <a:pt x="730" y="152"/>
                  </a:lnTo>
                  <a:lnTo>
                    <a:pt x="718" y="149"/>
                  </a:lnTo>
                  <a:lnTo>
                    <a:pt x="703" y="145"/>
                  </a:lnTo>
                  <a:lnTo>
                    <a:pt x="692" y="141"/>
                  </a:lnTo>
                  <a:lnTo>
                    <a:pt x="676" y="137"/>
                  </a:lnTo>
                  <a:lnTo>
                    <a:pt x="661" y="133"/>
                  </a:lnTo>
                  <a:lnTo>
                    <a:pt x="650" y="130"/>
                  </a:lnTo>
                  <a:lnTo>
                    <a:pt x="635" y="126"/>
                  </a:lnTo>
                  <a:lnTo>
                    <a:pt x="623" y="122"/>
                  </a:lnTo>
                  <a:lnTo>
                    <a:pt x="608" y="118"/>
                  </a:lnTo>
                  <a:lnTo>
                    <a:pt x="593" y="114"/>
                  </a:lnTo>
                  <a:lnTo>
                    <a:pt x="581" y="111"/>
                  </a:lnTo>
                  <a:lnTo>
                    <a:pt x="566" y="107"/>
                  </a:lnTo>
                  <a:lnTo>
                    <a:pt x="551" y="103"/>
                  </a:lnTo>
                  <a:lnTo>
                    <a:pt x="540" y="99"/>
                  </a:lnTo>
                  <a:lnTo>
                    <a:pt x="524" y="92"/>
                  </a:lnTo>
                  <a:lnTo>
                    <a:pt x="513" y="88"/>
                  </a:lnTo>
                  <a:lnTo>
                    <a:pt x="498" y="84"/>
                  </a:lnTo>
                  <a:lnTo>
                    <a:pt x="483" y="80"/>
                  </a:lnTo>
                  <a:lnTo>
                    <a:pt x="471" y="76"/>
                  </a:lnTo>
                  <a:lnTo>
                    <a:pt x="456" y="73"/>
                  </a:lnTo>
                  <a:lnTo>
                    <a:pt x="445" y="69"/>
                  </a:lnTo>
                  <a:lnTo>
                    <a:pt x="429" y="65"/>
                  </a:lnTo>
                  <a:lnTo>
                    <a:pt x="414" y="61"/>
                  </a:lnTo>
                  <a:lnTo>
                    <a:pt x="403" y="57"/>
                  </a:lnTo>
                  <a:lnTo>
                    <a:pt x="388" y="54"/>
                  </a:lnTo>
                  <a:lnTo>
                    <a:pt x="373" y="50"/>
                  </a:lnTo>
                  <a:lnTo>
                    <a:pt x="361" y="46"/>
                  </a:lnTo>
                  <a:lnTo>
                    <a:pt x="346" y="42"/>
                  </a:lnTo>
                  <a:lnTo>
                    <a:pt x="331" y="38"/>
                  </a:lnTo>
                  <a:lnTo>
                    <a:pt x="316" y="35"/>
                  </a:lnTo>
                  <a:lnTo>
                    <a:pt x="304" y="31"/>
                  </a:lnTo>
                  <a:lnTo>
                    <a:pt x="289" y="27"/>
                  </a:lnTo>
                  <a:lnTo>
                    <a:pt x="278" y="23"/>
                  </a:lnTo>
                  <a:lnTo>
                    <a:pt x="262" y="23"/>
                  </a:lnTo>
                  <a:lnTo>
                    <a:pt x="247" y="19"/>
                  </a:lnTo>
                  <a:lnTo>
                    <a:pt x="236" y="19"/>
                  </a:lnTo>
                  <a:lnTo>
                    <a:pt x="221" y="16"/>
                  </a:lnTo>
                  <a:lnTo>
                    <a:pt x="205" y="12"/>
                  </a:lnTo>
                  <a:lnTo>
                    <a:pt x="190" y="12"/>
                  </a:lnTo>
                  <a:lnTo>
                    <a:pt x="179" y="8"/>
                  </a:lnTo>
                  <a:lnTo>
                    <a:pt x="164" y="8"/>
                  </a:lnTo>
                  <a:lnTo>
                    <a:pt x="152" y="4"/>
                  </a:lnTo>
                  <a:lnTo>
                    <a:pt x="137" y="4"/>
                  </a:lnTo>
                  <a:lnTo>
                    <a:pt x="122" y="4"/>
                  </a:lnTo>
                  <a:lnTo>
                    <a:pt x="110" y="4"/>
                  </a:lnTo>
                  <a:lnTo>
                    <a:pt x="95" y="0"/>
                  </a:lnTo>
                  <a:lnTo>
                    <a:pt x="80" y="0"/>
                  </a:lnTo>
                  <a:lnTo>
                    <a:pt x="69" y="0"/>
                  </a:lnTo>
                  <a:lnTo>
                    <a:pt x="53" y="0"/>
                  </a:lnTo>
                  <a:lnTo>
                    <a:pt x="38" y="0"/>
                  </a:lnTo>
                  <a:lnTo>
                    <a:pt x="27" y="0"/>
                  </a:lnTo>
                  <a:lnTo>
                    <a:pt x="12" y="4"/>
                  </a:lnTo>
                  <a:lnTo>
                    <a:pt x="4" y="4"/>
                  </a:lnTo>
                  <a:lnTo>
                    <a:pt x="0" y="16"/>
                  </a:lnTo>
                  <a:lnTo>
                    <a:pt x="0" y="23"/>
                  </a:lnTo>
                  <a:lnTo>
                    <a:pt x="8" y="31"/>
                  </a:lnTo>
                  <a:lnTo>
                    <a:pt x="23" y="31"/>
                  </a:lnTo>
                  <a:lnTo>
                    <a:pt x="34" y="35"/>
                  </a:lnTo>
                  <a:lnTo>
                    <a:pt x="50" y="35"/>
                  </a:lnTo>
                  <a:lnTo>
                    <a:pt x="61" y="38"/>
                  </a:lnTo>
                  <a:lnTo>
                    <a:pt x="76" y="42"/>
                  </a:lnTo>
                  <a:lnTo>
                    <a:pt x="88" y="46"/>
                  </a:lnTo>
                  <a:lnTo>
                    <a:pt x="103" y="50"/>
                  </a:lnTo>
                  <a:lnTo>
                    <a:pt x="118" y="54"/>
                  </a:lnTo>
                  <a:lnTo>
                    <a:pt x="129" y="57"/>
                  </a:lnTo>
                  <a:lnTo>
                    <a:pt x="145" y="61"/>
                  </a:lnTo>
                  <a:lnTo>
                    <a:pt x="156" y="65"/>
                  </a:lnTo>
                  <a:lnTo>
                    <a:pt x="171" y="69"/>
                  </a:lnTo>
                  <a:lnTo>
                    <a:pt x="186" y="73"/>
                  </a:lnTo>
                  <a:lnTo>
                    <a:pt x="198" y="76"/>
                  </a:lnTo>
                  <a:lnTo>
                    <a:pt x="213" y="80"/>
                  </a:lnTo>
                  <a:lnTo>
                    <a:pt x="228" y="84"/>
                  </a:lnTo>
                  <a:lnTo>
                    <a:pt x="240" y="88"/>
                  </a:lnTo>
                  <a:lnTo>
                    <a:pt x="255" y="92"/>
                  </a:lnTo>
                  <a:lnTo>
                    <a:pt x="266" y="95"/>
                  </a:lnTo>
                  <a:lnTo>
                    <a:pt x="281" y="103"/>
                  </a:lnTo>
                  <a:lnTo>
                    <a:pt x="297" y="103"/>
                  </a:lnTo>
                  <a:lnTo>
                    <a:pt x="308" y="111"/>
                  </a:lnTo>
                  <a:lnTo>
                    <a:pt x="323" y="114"/>
                  </a:lnTo>
                  <a:lnTo>
                    <a:pt x="338" y="118"/>
                  </a:lnTo>
                  <a:lnTo>
                    <a:pt x="350" y="122"/>
                  </a:lnTo>
                  <a:lnTo>
                    <a:pt x="365" y="130"/>
                  </a:lnTo>
                  <a:lnTo>
                    <a:pt x="380" y="130"/>
                  </a:lnTo>
                  <a:lnTo>
                    <a:pt x="392" y="137"/>
                  </a:lnTo>
                  <a:lnTo>
                    <a:pt x="407" y="141"/>
                  </a:lnTo>
                  <a:lnTo>
                    <a:pt x="422" y="145"/>
                  </a:lnTo>
                  <a:lnTo>
                    <a:pt x="437" y="149"/>
                  </a:lnTo>
                  <a:lnTo>
                    <a:pt x="448" y="152"/>
                  </a:lnTo>
                  <a:lnTo>
                    <a:pt x="464" y="156"/>
                  </a:lnTo>
                  <a:lnTo>
                    <a:pt x="479" y="160"/>
                  </a:lnTo>
                  <a:lnTo>
                    <a:pt x="490" y="164"/>
                  </a:lnTo>
                  <a:lnTo>
                    <a:pt x="505" y="168"/>
                  </a:lnTo>
                  <a:lnTo>
                    <a:pt x="521" y="171"/>
                  </a:lnTo>
                  <a:lnTo>
                    <a:pt x="532" y="175"/>
                  </a:lnTo>
                  <a:lnTo>
                    <a:pt x="547" y="179"/>
                  </a:lnTo>
                  <a:lnTo>
                    <a:pt x="562" y="183"/>
                  </a:lnTo>
                  <a:lnTo>
                    <a:pt x="574" y="187"/>
                  </a:lnTo>
                  <a:lnTo>
                    <a:pt x="589" y="187"/>
                  </a:lnTo>
                  <a:lnTo>
                    <a:pt x="600" y="190"/>
                  </a:lnTo>
                  <a:lnTo>
                    <a:pt x="616" y="194"/>
                  </a:lnTo>
                  <a:lnTo>
                    <a:pt x="631" y="194"/>
                  </a:lnTo>
                  <a:lnTo>
                    <a:pt x="646" y="198"/>
                  </a:lnTo>
                  <a:lnTo>
                    <a:pt x="657" y="202"/>
                  </a:lnTo>
                  <a:lnTo>
                    <a:pt x="673" y="202"/>
                  </a:lnTo>
                  <a:lnTo>
                    <a:pt x="688" y="202"/>
                  </a:lnTo>
                  <a:lnTo>
                    <a:pt x="699" y="206"/>
                  </a:lnTo>
                  <a:lnTo>
                    <a:pt x="714" y="206"/>
                  </a:lnTo>
                  <a:lnTo>
                    <a:pt x="730" y="206"/>
                  </a:lnTo>
                  <a:lnTo>
                    <a:pt x="741" y="206"/>
                  </a:lnTo>
                  <a:lnTo>
                    <a:pt x="756" y="206"/>
                  </a:lnTo>
                  <a:lnTo>
                    <a:pt x="771" y="206"/>
                  </a:lnTo>
                  <a:lnTo>
                    <a:pt x="787" y="206"/>
                  </a:lnTo>
                  <a:lnTo>
                    <a:pt x="798" y="206"/>
                  </a:lnTo>
                  <a:lnTo>
                    <a:pt x="813" y="206"/>
                  </a:lnTo>
                  <a:lnTo>
                    <a:pt x="828" y="202"/>
                  </a:lnTo>
                  <a:lnTo>
                    <a:pt x="840" y="202"/>
                  </a:lnTo>
                  <a:lnTo>
                    <a:pt x="855" y="198"/>
                  </a:lnTo>
                  <a:lnTo>
                    <a:pt x="870" y="198"/>
                  </a:lnTo>
                  <a:lnTo>
                    <a:pt x="882" y="194"/>
                  </a:lnTo>
                  <a:lnTo>
                    <a:pt x="897" y="194"/>
                  </a:lnTo>
                  <a:lnTo>
                    <a:pt x="901" y="187"/>
                  </a:lnTo>
                  <a:lnTo>
                    <a:pt x="897" y="183"/>
                  </a:lnTo>
                  <a:lnTo>
                    <a:pt x="897" y="183"/>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4" name="Freeform 22"/>
            <p:cNvSpPr>
              <a:spLocks/>
            </p:cNvSpPr>
            <p:nvPr/>
          </p:nvSpPr>
          <p:spPr bwMode="auto">
            <a:xfrm>
              <a:off x="2953" y="209"/>
              <a:ext cx="273" cy="323"/>
            </a:xfrm>
            <a:custGeom>
              <a:avLst/>
              <a:gdLst/>
              <a:ahLst/>
              <a:cxnLst>
                <a:cxn ang="0">
                  <a:pos x="258" y="12"/>
                </a:cxn>
                <a:cxn ang="0">
                  <a:pos x="231" y="8"/>
                </a:cxn>
                <a:cxn ang="0">
                  <a:pos x="209" y="0"/>
                </a:cxn>
                <a:cxn ang="0">
                  <a:pos x="190" y="0"/>
                </a:cxn>
                <a:cxn ang="0">
                  <a:pos x="155" y="0"/>
                </a:cxn>
                <a:cxn ang="0">
                  <a:pos x="136" y="0"/>
                </a:cxn>
                <a:cxn ang="0">
                  <a:pos x="117" y="0"/>
                </a:cxn>
                <a:cxn ang="0">
                  <a:pos x="95" y="0"/>
                </a:cxn>
                <a:cxn ang="0">
                  <a:pos x="76" y="0"/>
                </a:cxn>
                <a:cxn ang="0">
                  <a:pos x="53" y="4"/>
                </a:cxn>
                <a:cxn ang="0">
                  <a:pos x="34" y="12"/>
                </a:cxn>
                <a:cxn ang="0">
                  <a:pos x="15" y="23"/>
                </a:cxn>
                <a:cxn ang="0">
                  <a:pos x="3" y="42"/>
                </a:cxn>
                <a:cxn ang="0">
                  <a:pos x="0" y="61"/>
                </a:cxn>
                <a:cxn ang="0">
                  <a:pos x="7" y="92"/>
                </a:cxn>
                <a:cxn ang="0">
                  <a:pos x="19" y="118"/>
                </a:cxn>
                <a:cxn ang="0">
                  <a:pos x="26" y="149"/>
                </a:cxn>
                <a:cxn ang="0">
                  <a:pos x="38" y="168"/>
                </a:cxn>
                <a:cxn ang="0">
                  <a:pos x="49" y="194"/>
                </a:cxn>
                <a:cxn ang="0">
                  <a:pos x="60" y="221"/>
                </a:cxn>
                <a:cxn ang="0">
                  <a:pos x="68" y="251"/>
                </a:cxn>
                <a:cxn ang="0">
                  <a:pos x="83" y="278"/>
                </a:cxn>
                <a:cxn ang="0">
                  <a:pos x="98" y="304"/>
                </a:cxn>
                <a:cxn ang="0">
                  <a:pos x="114" y="323"/>
                </a:cxn>
                <a:cxn ang="0">
                  <a:pos x="125" y="312"/>
                </a:cxn>
                <a:cxn ang="0">
                  <a:pos x="117" y="289"/>
                </a:cxn>
                <a:cxn ang="0">
                  <a:pos x="106" y="259"/>
                </a:cxn>
                <a:cxn ang="0">
                  <a:pos x="95" y="240"/>
                </a:cxn>
                <a:cxn ang="0">
                  <a:pos x="79" y="209"/>
                </a:cxn>
                <a:cxn ang="0">
                  <a:pos x="68" y="183"/>
                </a:cxn>
                <a:cxn ang="0">
                  <a:pos x="60" y="160"/>
                </a:cxn>
                <a:cxn ang="0">
                  <a:pos x="49" y="133"/>
                </a:cxn>
                <a:cxn ang="0">
                  <a:pos x="45" y="111"/>
                </a:cxn>
                <a:cxn ang="0">
                  <a:pos x="38" y="84"/>
                </a:cxn>
                <a:cxn ang="0">
                  <a:pos x="38" y="61"/>
                </a:cxn>
                <a:cxn ang="0">
                  <a:pos x="49" y="46"/>
                </a:cxn>
                <a:cxn ang="0">
                  <a:pos x="72" y="38"/>
                </a:cxn>
                <a:cxn ang="0">
                  <a:pos x="98" y="31"/>
                </a:cxn>
                <a:cxn ang="0">
                  <a:pos x="129" y="31"/>
                </a:cxn>
                <a:cxn ang="0">
                  <a:pos x="152" y="31"/>
                </a:cxn>
                <a:cxn ang="0">
                  <a:pos x="182" y="27"/>
                </a:cxn>
                <a:cxn ang="0">
                  <a:pos x="209" y="23"/>
                </a:cxn>
                <a:cxn ang="0">
                  <a:pos x="231" y="23"/>
                </a:cxn>
                <a:cxn ang="0">
                  <a:pos x="254" y="16"/>
                </a:cxn>
                <a:cxn ang="0">
                  <a:pos x="273" y="19"/>
                </a:cxn>
                <a:cxn ang="0">
                  <a:pos x="273" y="16"/>
                </a:cxn>
              </a:cxnLst>
              <a:rect l="0" t="0" r="r" b="b"/>
              <a:pathLst>
                <a:path w="273" h="323">
                  <a:moveTo>
                    <a:pt x="273" y="16"/>
                  </a:moveTo>
                  <a:lnTo>
                    <a:pt x="266" y="12"/>
                  </a:lnTo>
                  <a:lnTo>
                    <a:pt x="258" y="12"/>
                  </a:lnTo>
                  <a:lnTo>
                    <a:pt x="250" y="12"/>
                  </a:lnTo>
                  <a:lnTo>
                    <a:pt x="243" y="12"/>
                  </a:lnTo>
                  <a:lnTo>
                    <a:pt x="231" y="8"/>
                  </a:lnTo>
                  <a:lnTo>
                    <a:pt x="224" y="4"/>
                  </a:lnTo>
                  <a:lnTo>
                    <a:pt x="216" y="0"/>
                  </a:lnTo>
                  <a:lnTo>
                    <a:pt x="209" y="0"/>
                  </a:lnTo>
                  <a:lnTo>
                    <a:pt x="201" y="0"/>
                  </a:lnTo>
                  <a:lnTo>
                    <a:pt x="197" y="0"/>
                  </a:lnTo>
                  <a:lnTo>
                    <a:pt x="190" y="0"/>
                  </a:lnTo>
                  <a:lnTo>
                    <a:pt x="182" y="0"/>
                  </a:lnTo>
                  <a:lnTo>
                    <a:pt x="171" y="0"/>
                  </a:lnTo>
                  <a:lnTo>
                    <a:pt x="155" y="0"/>
                  </a:lnTo>
                  <a:lnTo>
                    <a:pt x="148" y="0"/>
                  </a:lnTo>
                  <a:lnTo>
                    <a:pt x="144" y="0"/>
                  </a:lnTo>
                  <a:lnTo>
                    <a:pt x="136" y="0"/>
                  </a:lnTo>
                  <a:lnTo>
                    <a:pt x="129" y="0"/>
                  </a:lnTo>
                  <a:lnTo>
                    <a:pt x="121" y="0"/>
                  </a:lnTo>
                  <a:lnTo>
                    <a:pt x="117" y="0"/>
                  </a:lnTo>
                  <a:lnTo>
                    <a:pt x="110" y="0"/>
                  </a:lnTo>
                  <a:lnTo>
                    <a:pt x="102" y="0"/>
                  </a:lnTo>
                  <a:lnTo>
                    <a:pt x="95" y="0"/>
                  </a:lnTo>
                  <a:lnTo>
                    <a:pt x="91" y="0"/>
                  </a:lnTo>
                  <a:lnTo>
                    <a:pt x="83" y="0"/>
                  </a:lnTo>
                  <a:lnTo>
                    <a:pt x="76" y="0"/>
                  </a:lnTo>
                  <a:lnTo>
                    <a:pt x="68" y="0"/>
                  </a:lnTo>
                  <a:lnTo>
                    <a:pt x="60" y="4"/>
                  </a:lnTo>
                  <a:lnTo>
                    <a:pt x="53" y="4"/>
                  </a:lnTo>
                  <a:lnTo>
                    <a:pt x="45" y="8"/>
                  </a:lnTo>
                  <a:lnTo>
                    <a:pt x="41" y="8"/>
                  </a:lnTo>
                  <a:lnTo>
                    <a:pt x="34" y="12"/>
                  </a:lnTo>
                  <a:lnTo>
                    <a:pt x="26" y="16"/>
                  </a:lnTo>
                  <a:lnTo>
                    <a:pt x="22" y="19"/>
                  </a:lnTo>
                  <a:lnTo>
                    <a:pt x="15" y="23"/>
                  </a:lnTo>
                  <a:lnTo>
                    <a:pt x="11" y="27"/>
                  </a:lnTo>
                  <a:lnTo>
                    <a:pt x="7" y="35"/>
                  </a:lnTo>
                  <a:lnTo>
                    <a:pt x="3" y="42"/>
                  </a:lnTo>
                  <a:lnTo>
                    <a:pt x="0" y="46"/>
                  </a:lnTo>
                  <a:lnTo>
                    <a:pt x="0" y="54"/>
                  </a:lnTo>
                  <a:lnTo>
                    <a:pt x="0" y="61"/>
                  </a:lnTo>
                  <a:lnTo>
                    <a:pt x="3" y="73"/>
                  </a:lnTo>
                  <a:lnTo>
                    <a:pt x="3" y="80"/>
                  </a:lnTo>
                  <a:lnTo>
                    <a:pt x="7" y="92"/>
                  </a:lnTo>
                  <a:lnTo>
                    <a:pt x="11" y="99"/>
                  </a:lnTo>
                  <a:lnTo>
                    <a:pt x="15" y="111"/>
                  </a:lnTo>
                  <a:lnTo>
                    <a:pt x="19" y="118"/>
                  </a:lnTo>
                  <a:lnTo>
                    <a:pt x="19" y="130"/>
                  </a:lnTo>
                  <a:lnTo>
                    <a:pt x="22" y="137"/>
                  </a:lnTo>
                  <a:lnTo>
                    <a:pt x="26" y="149"/>
                  </a:lnTo>
                  <a:lnTo>
                    <a:pt x="30" y="156"/>
                  </a:lnTo>
                  <a:lnTo>
                    <a:pt x="34" y="160"/>
                  </a:lnTo>
                  <a:lnTo>
                    <a:pt x="38" y="168"/>
                  </a:lnTo>
                  <a:lnTo>
                    <a:pt x="41" y="175"/>
                  </a:lnTo>
                  <a:lnTo>
                    <a:pt x="45" y="183"/>
                  </a:lnTo>
                  <a:lnTo>
                    <a:pt x="49" y="194"/>
                  </a:lnTo>
                  <a:lnTo>
                    <a:pt x="53" y="202"/>
                  </a:lnTo>
                  <a:lnTo>
                    <a:pt x="57" y="213"/>
                  </a:lnTo>
                  <a:lnTo>
                    <a:pt x="60" y="221"/>
                  </a:lnTo>
                  <a:lnTo>
                    <a:pt x="64" y="232"/>
                  </a:lnTo>
                  <a:lnTo>
                    <a:pt x="68" y="240"/>
                  </a:lnTo>
                  <a:lnTo>
                    <a:pt x="68" y="251"/>
                  </a:lnTo>
                  <a:lnTo>
                    <a:pt x="72" y="259"/>
                  </a:lnTo>
                  <a:lnTo>
                    <a:pt x="76" y="270"/>
                  </a:lnTo>
                  <a:lnTo>
                    <a:pt x="83" y="278"/>
                  </a:lnTo>
                  <a:lnTo>
                    <a:pt x="87" y="285"/>
                  </a:lnTo>
                  <a:lnTo>
                    <a:pt x="91" y="297"/>
                  </a:lnTo>
                  <a:lnTo>
                    <a:pt x="98" y="304"/>
                  </a:lnTo>
                  <a:lnTo>
                    <a:pt x="102" y="312"/>
                  </a:lnTo>
                  <a:lnTo>
                    <a:pt x="110" y="319"/>
                  </a:lnTo>
                  <a:lnTo>
                    <a:pt x="114" y="323"/>
                  </a:lnTo>
                  <a:lnTo>
                    <a:pt x="121" y="319"/>
                  </a:lnTo>
                  <a:lnTo>
                    <a:pt x="121" y="316"/>
                  </a:lnTo>
                  <a:lnTo>
                    <a:pt x="125" y="312"/>
                  </a:lnTo>
                  <a:lnTo>
                    <a:pt x="121" y="304"/>
                  </a:lnTo>
                  <a:lnTo>
                    <a:pt x="121" y="297"/>
                  </a:lnTo>
                  <a:lnTo>
                    <a:pt x="117" y="289"/>
                  </a:lnTo>
                  <a:lnTo>
                    <a:pt x="117" y="285"/>
                  </a:lnTo>
                  <a:lnTo>
                    <a:pt x="110" y="270"/>
                  </a:lnTo>
                  <a:lnTo>
                    <a:pt x="106" y="259"/>
                  </a:lnTo>
                  <a:lnTo>
                    <a:pt x="102" y="251"/>
                  </a:lnTo>
                  <a:lnTo>
                    <a:pt x="98" y="244"/>
                  </a:lnTo>
                  <a:lnTo>
                    <a:pt x="95" y="240"/>
                  </a:lnTo>
                  <a:lnTo>
                    <a:pt x="91" y="232"/>
                  </a:lnTo>
                  <a:lnTo>
                    <a:pt x="83" y="221"/>
                  </a:lnTo>
                  <a:lnTo>
                    <a:pt x="79" y="209"/>
                  </a:lnTo>
                  <a:lnTo>
                    <a:pt x="76" y="202"/>
                  </a:lnTo>
                  <a:lnTo>
                    <a:pt x="72" y="194"/>
                  </a:lnTo>
                  <a:lnTo>
                    <a:pt x="68" y="183"/>
                  </a:lnTo>
                  <a:lnTo>
                    <a:pt x="64" y="179"/>
                  </a:lnTo>
                  <a:lnTo>
                    <a:pt x="60" y="168"/>
                  </a:lnTo>
                  <a:lnTo>
                    <a:pt x="60" y="160"/>
                  </a:lnTo>
                  <a:lnTo>
                    <a:pt x="57" y="152"/>
                  </a:lnTo>
                  <a:lnTo>
                    <a:pt x="53" y="145"/>
                  </a:lnTo>
                  <a:lnTo>
                    <a:pt x="49" y="133"/>
                  </a:lnTo>
                  <a:lnTo>
                    <a:pt x="49" y="126"/>
                  </a:lnTo>
                  <a:lnTo>
                    <a:pt x="45" y="118"/>
                  </a:lnTo>
                  <a:lnTo>
                    <a:pt x="45" y="111"/>
                  </a:lnTo>
                  <a:lnTo>
                    <a:pt x="41" y="103"/>
                  </a:lnTo>
                  <a:lnTo>
                    <a:pt x="41" y="95"/>
                  </a:lnTo>
                  <a:lnTo>
                    <a:pt x="38" y="84"/>
                  </a:lnTo>
                  <a:lnTo>
                    <a:pt x="38" y="76"/>
                  </a:lnTo>
                  <a:lnTo>
                    <a:pt x="38" y="69"/>
                  </a:lnTo>
                  <a:lnTo>
                    <a:pt x="38" y="61"/>
                  </a:lnTo>
                  <a:lnTo>
                    <a:pt x="41" y="54"/>
                  </a:lnTo>
                  <a:lnTo>
                    <a:pt x="45" y="50"/>
                  </a:lnTo>
                  <a:lnTo>
                    <a:pt x="49" y="46"/>
                  </a:lnTo>
                  <a:lnTo>
                    <a:pt x="57" y="42"/>
                  </a:lnTo>
                  <a:lnTo>
                    <a:pt x="64" y="38"/>
                  </a:lnTo>
                  <a:lnTo>
                    <a:pt x="72" y="38"/>
                  </a:lnTo>
                  <a:lnTo>
                    <a:pt x="79" y="35"/>
                  </a:lnTo>
                  <a:lnTo>
                    <a:pt x="91" y="35"/>
                  </a:lnTo>
                  <a:lnTo>
                    <a:pt x="98" y="31"/>
                  </a:lnTo>
                  <a:lnTo>
                    <a:pt x="110" y="31"/>
                  </a:lnTo>
                  <a:lnTo>
                    <a:pt x="117" y="31"/>
                  </a:lnTo>
                  <a:lnTo>
                    <a:pt x="129" y="31"/>
                  </a:lnTo>
                  <a:lnTo>
                    <a:pt x="136" y="31"/>
                  </a:lnTo>
                  <a:lnTo>
                    <a:pt x="144" y="31"/>
                  </a:lnTo>
                  <a:lnTo>
                    <a:pt x="152" y="31"/>
                  </a:lnTo>
                  <a:lnTo>
                    <a:pt x="163" y="27"/>
                  </a:lnTo>
                  <a:lnTo>
                    <a:pt x="171" y="27"/>
                  </a:lnTo>
                  <a:lnTo>
                    <a:pt x="182" y="27"/>
                  </a:lnTo>
                  <a:lnTo>
                    <a:pt x="190" y="23"/>
                  </a:lnTo>
                  <a:lnTo>
                    <a:pt x="201" y="23"/>
                  </a:lnTo>
                  <a:lnTo>
                    <a:pt x="209" y="23"/>
                  </a:lnTo>
                  <a:lnTo>
                    <a:pt x="220" y="23"/>
                  </a:lnTo>
                  <a:lnTo>
                    <a:pt x="224" y="23"/>
                  </a:lnTo>
                  <a:lnTo>
                    <a:pt x="231" y="23"/>
                  </a:lnTo>
                  <a:lnTo>
                    <a:pt x="239" y="19"/>
                  </a:lnTo>
                  <a:lnTo>
                    <a:pt x="247" y="19"/>
                  </a:lnTo>
                  <a:lnTo>
                    <a:pt x="254" y="16"/>
                  </a:lnTo>
                  <a:lnTo>
                    <a:pt x="262" y="16"/>
                  </a:lnTo>
                  <a:lnTo>
                    <a:pt x="266" y="16"/>
                  </a:lnTo>
                  <a:lnTo>
                    <a:pt x="273" y="19"/>
                  </a:lnTo>
                  <a:lnTo>
                    <a:pt x="273" y="16"/>
                  </a:lnTo>
                  <a:lnTo>
                    <a:pt x="273" y="16"/>
                  </a:lnTo>
                  <a:lnTo>
                    <a:pt x="273" y="16"/>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5" name="Freeform 23"/>
            <p:cNvSpPr>
              <a:spLocks/>
            </p:cNvSpPr>
            <p:nvPr/>
          </p:nvSpPr>
          <p:spPr bwMode="auto">
            <a:xfrm>
              <a:off x="2945" y="149"/>
              <a:ext cx="296" cy="463"/>
            </a:xfrm>
            <a:custGeom>
              <a:avLst/>
              <a:gdLst/>
              <a:ahLst/>
              <a:cxnLst>
                <a:cxn ang="0">
                  <a:pos x="19" y="26"/>
                </a:cxn>
                <a:cxn ang="0">
                  <a:pos x="46" y="26"/>
                </a:cxn>
                <a:cxn ang="0">
                  <a:pos x="76" y="30"/>
                </a:cxn>
                <a:cxn ang="0">
                  <a:pos x="103" y="38"/>
                </a:cxn>
                <a:cxn ang="0">
                  <a:pos x="137" y="45"/>
                </a:cxn>
                <a:cxn ang="0">
                  <a:pos x="163" y="60"/>
                </a:cxn>
                <a:cxn ang="0">
                  <a:pos x="190" y="72"/>
                </a:cxn>
                <a:cxn ang="0">
                  <a:pos x="213" y="91"/>
                </a:cxn>
                <a:cxn ang="0">
                  <a:pos x="228" y="110"/>
                </a:cxn>
                <a:cxn ang="0">
                  <a:pos x="236" y="133"/>
                </a:cxn>
                <a:cxn ang="0">
                  <a:pos x="239" y="163"/>
                </a:cxn>
                <a:cxn ang="0">
                  <a:pos x="232" y="186"/>
                </a:cxn>
                <a:cxn ang="0">
                  <a:pos x="224" y="212"/>
                </a:cxn>
                <a:cxn ang="0">
                  <a:pos x="213" y="239"/>
                </a:cxn>
                <a:cxn ang="0">
                  <a:pos x="201" y="266"/>
                </a:cxn>
                <a:cxn ang="0">
                  <a:pos x="190" y="288"/>
                </a:cxn>
                <a:cxn ang="0">
                  <a:pos x="175" y="315"/>
                </a:cxn>
                <a:cxn ang="0">
                  <a:pos x="160" y="338"/>
                </a:cxn>
                <a:cxn ang="0">
                  <a:pos x="144" y="364"/>
                </a:cxn>
                <a:cxn ang="0">
                  <a:pos x="125" y="387"/>
                </a:cxn>
                <a:cxn ang="0">
                  <a:pos x="110" y="406"/>
                </a:cxn>
                <a:cxn ang="0">
                  <a:pos x="91" y="429"/>
                </a:cxn>
                <a:cxn ang="0">
                  <a:pos x="99" y="455"/>
                </a:cxn>
                <a:cxn ang="0">
                  <a:pos x="125" y="459"/>
                </a:cxn>
                <a:cxn ang="0">
                  <a:pos x="148" y="440"/>
                </a:cxn>
                <a:cxn ang="0">
                  <a:pos x="167" y="417"/>
                </a:cxn>
                <a:cxn ang="0">
                  <a:pos x="190" y="391"/>
                </a:cxn>
                <a:cxn ang="0">
                  <a:pos x="213" y="357"/>
                </a:cxn>
                <a:cxn ang="0">
                  <a:pos x="232" y="323"/>
                </a:cxn>
                <a:cxn ang="0">
                  <a:pos x="251" y="288"/>
                </a:cxn>
                <a:cxn ang="0">
                  <a:pos x="266" y="254"/>
                </a:cxn>
                <a:cxn ang="0">
                  <a:pos x="281" y="220"/>
                </a:cxn>
                <a:cxn ang="0">
                  <a:pos x="289" y="186"/>
                </a:cxn>
                <a:cxn ang="0">
                  <a:pos x="293" y="152"/>
                </a:cxn>
                <a:cxn ang="0">
                  <a:pos x="296" y="121"/>
                </a:cxn>
                <a:cxn ang="0">
                  <a:pos x="285" y="87"/>
                </a:cxn>
                <a:cxn ang="0">
                  <a:pos x="270" y="60"/>
                </a:cxn>
                <a:cxn ang="0">
                  <a:pos x="247" y="38"/>
                </a:cxn>
                <a:cxn ang="0">
                  <a:pos x="220" y="22"/>
                </a:cxn>
                <a:cxn ang="0">
                  <a:pos x="186" y="7"/>
                </a:cxn>
                <a:cxn ang="0">
                  <a:pos x="152" y="3"/>
                </a:cxn>
                <a:cxn ang="0">
                  <a:pos x="118" y="0"/>
                </a:cxn>
                <a:cxn ang="0">
                  <a:pos x="84" y="3"/>
                </a:cxn>
                <a:cxn ang="0">
                  <a:pos x="49" y="7"/>
                </a:cxn>
                <a:cxn ang="0">
                  <a:pos x="19" y="15"/>
                </a:cxn>
                <a:cxn ang="0">
                  <a:pos x="0" y="22"/>
                </a:cxn>
              </a:cxnLst>
              <a:rect l="0" t="0" r="r" b="b"/>
              <a:pathLst>
                <a:path w="296" h="463">
                  <a:moveTo>
                    <a:pt x="4" y="26"/>
                  </a:moveTo>
                  <a:lnTo>
                    <a:pt x="11" y="26"/>
                  </a:lnTo>
                  <a:lnTo>
                    <a:pt x="19" y="26"/>
                  </a:lnTo>
                  <a:lnTo>
                    <a:pt x="27" y="26"/>
                  </a:lnTo>
                  <a:lnTo>
                    <a:pt x="38" y="26"/>
                  </a:lnTo>
                  <a:lnTo>
                    <a:pt x="46" y="26"/>
                  </a:lnTo>
                  <a:lnTo>
                    <a:pt x="53" y="26"/>
                  </a:lnTo>
                  <a:lnTo>
                    <a:pt x="65" y="30"/>
                  </a:lnTo>
                  <a:lnTo>
                    <a:pt x="76" y="30"/>
                  </a:lnTo>
                  <a:lnTo>
                    <a:pt x="84" y="30"/>
                  </a:lnTo>
                  <a:lnTo>
                    <a:pt x="95" y="34"/>
                  </a:lnTo>
                  <a:lnTo>
                    <a:pt x="103" y="38"/>
                  </a:lnTo>
                  <a:lnTo>
                    <a:pt x="114" y="41"/>
                  </a:lnTo>
                  <a:lnTo>
                    <a:pt x="125" y="41"/>
                  </a:lnTo>
                  <a:lnTo>
                    <a:pt x="137" y="45"/>
                  </a:lnTo>
                  <a:lnTo>
                    <a:pt x="144" y="49"/>
                  </a:lnTo>
                  <a:lnTo>
                    <a:pt x="156" y="57"/>
                  </a:lnTo>
                  <a:lnTo>
                    <a:pt x="163" y="60"/>
                  </a:lnTo>
                  <a:lnTo>
                    <a:pt x="175" y="60"/>
                  </a:lnTo>
                  <a:lnTo>
                    <a:pt x="182" y="68"/>
                  </a:lnTo>
                  <a:lnTo>
                    <a:pt x="190" y="72"/>
                  </a:lnTo>
                  <a:lnTo>
                    <a:pt x="198" y="79"/>
                  </a:lnTo>
                  <a:lnTo>
                    <a:pt x="205" y="83"/>
                  </a:lnTo>
                  <a:lnTo>
                    <a:pt x="213" y="91"/>
                  </a:lnTo>
                  <a:lnTo>
                    <a:pt x="220" y="98"/>
                  </a:lnTo>
                  <a:lnTo>
                    <a:pt x="224" y="102"/>
                  </a:lnTo>
                  <a:lnTo>
                    <a:pt x="228" y="110"/>
                  </a:lnTo>
                  <a:lnTo>
                    <a:pt x="232" y="117"/>
                  </a:lnTo>
                  <a:lnTo>
                    <a:pt x="236" y="125"/>
                  </a:lnTo>
                  <a:lnTo>
                    <a:pt x="236" y="133"/>
                  </a:lnTo>
                  <a:lnTo>
                    <a:pt x="239" y="140"/>
                  </a:lnTo>
                  <a:lnTo>
                    <a:pt x="239" y="152"/>
                  </a:lnTo>
                  <a:lnTo>
                    <a:pt x="239" y="163"/>
                  </a:lnTo>
                  <a:lnTo>
                    <a:pt x="236" y="167"/>
                  </a:lnTo>
                  <a:lnTo>
                    <a:pt x="232" y="178"/>
                  </a:lnTo>
                  <a:lnTo>
                    <a:pt x="232" y="186"/>
                  </a:lnTo>
                  <a:lnTo>
                    <a:pt x="228" y="193"/>
                  </a:lnTo>
                  <a:lnTo>
                    <a:pt x="224" y="201"/>
                  </a:lnTo>
                  <a:lnTo>
                    <a:pt x="224" y="212"/>
                  </a:lnTo>
                  <a:lnTo>
                    <a:pt x="220" y="220"/>
                  </a:lnTo>
                  <a:lnTo>
                    <a:pt x="217" y="231"/>
                  </a:lnTo>
                  <a:lnTo>
                    <a:pt x="213" y="239"/>
                  </a:lnTo>
                  <a:lnTo>
                    <a:pt x="209" y="247"/>
                  </a:lnTo>
                  <a:lnTo>
                    <a:pt x="205" y="254"/>
                  </a:lnTo>
                  <a:lnTo>
                    <a:pt x="201" y="266"/>
                  </a:lnTo>
                  <a:lnTo>
                    <a:pt x="198" y="273"/>
                  </a:lnTo>
                  <a:lnTo>
                    <a:pt x="194" y="281"/>
                  </a:lnTo>
                  <a:lnTo>
                    <a:pt x="190" y="288"/>
                  </a:lnTo>
                  <a:lnTo>
                    <a:pt x="186" y="300"/>
                  </a:lnTo>
                  <a:lnTo>
                    <a:pt x="179" y="307"/>
                  </a:lnTo>
                  <a:lnTo>
                    <a:pt x="175" y="315"/>
                  </a:lnTo>
                  <a:lnTo>
                    <a:pt x="171" y="323"/>
                  </a:lnTo>
                  <a:lnTo>
                    <a:pt x="163" y="330"/>
                  </a:lnTo>
                  <a:lnTo>
                    <a:pt x="160" y="338"/>
                  </a:lnTo>
                  <a:lnTo>
                    <a:pt x="152" y="345"/>
                  </a:lnTo>
                  <a:lnTo>
                    <a:pt x="148" y="357"/>
                  </a:lnTo>
                  <a:lnTo>
                    <a:pt x="144" y="364"/>
                  </a:lnTo>
                  <a:lnTo>
                    <a:pt x="137" y="372"/>
                  </a:lnTo>
                  <a:lnTo>
                    <a:pt x="133" y="379"/>
                  </a:lnTo>
                  <a:lnTo>
                    <a:pt x="125" y="387"/>
                  </a:lnTo>
                  <a:lnTo>
                    <a:pt x="122" y="395"/>
                  </a:lnTo>
                  <a:lnTo>
                    <a:pt x="114" y="398"/>
                  </a:lnTo>
                  <a:lnTo>
                    <a:pt x="110" y="406"/>
                  </a:lnTo>
                  <a:lnTo>
                    <a:pt x="103" y="414"/>
                  </a:lnTo>
                  <a:lnTo>
                    <a:pt x="99" y="421"/>
                  </a:lnTo>
                  <a:lnTo>
                    <a:pt x="91" y="429"/>
                  </a:lnTo>
                  <a:lnTo>
                    <a:pt x="91" y="436"/>
                  </a:lnTo>
                  <a:lnTo>
                    <a:pt x="91" y="448"/>
                  </a:lnTo>
                  <a:lnTo>
                    <a:pt x="99" y="455"/>
                  </a:lnTo>
                  <a:lnTo>
                    <a:pt x="103" y="459"/>
                  </a:lnTo>
                  <a:lnTo>
                    <a:pt x="114" y="463"/>
                  </a:lnTo>
                  <a:lnTo>
                    <a:pt x="125" y="459"/>
                  </a:lnTo>
                  <a:lnTo>
                    <a:pt x="133" y="455"/>
                  </a:lnTo>
                  <a:lnTo>
                    <a:pt x="141" y="448"/>
                  </a:lnTo>
                  <a:lnTo>
                    <a:pt x="148" y="440"/>
                  </a:lnTo>
                  <a:lnTo>
                    <a:pt x="152" y="433"/>
                  </a:lnTo>
                  <a:lnTo>
                    <a:pt x="160" y="425"/>
                  </a:lnTo>
                  <a:lnTo>
                    <a:pt x="167" y="417"/>
                  </a:lnTo>
                  <a:lnTo>
                    <a:pt x="175" y="406"/>
                  </a:lnTo>
                  <a:lnTo>
                    <a:pt x="182" y="398"/>
                  </a:lnTo>
                  <a:lnTo>
                    <a:pt x="190" y="391"/>
                  </a:lnTo>
                  <a:lnTo>
                    <a:pt x="198" y="379"/>
                  </a:lnTo>
                  <a:lnTo>
                    <a:pt x="205" y="368"/>
                  </a:lnTo>
                  <a:lnTo>
                    <a:pt x="213" y="357"/>
                  </a:lnTo>
                  <a:lnTo>
                    <a:pt x="220" y="345"/>
                  </a:lnTo>
                  <a:lnTo>
                    <a:pt x="224" y="334"/>
                  </a:lnTo>
                  <a:lnTo>
                    <a:pt x="232" y="323"/>
                  </a:lnTo>
                  <a:lnTo>
                    <a:pt x="239" y="315"/>
                  </a:lnTo>
                  <a:lnTo>
                    <a:pt x="247" y="304"/>
                  </a:lnTo>
                  <a:lnTo>
                    <a:pt x="251" y="288"/>
                  </a:lnTo>
                  <a:lnTo>
                    <a:pt x="255" y="277"/>
                  </a:lnTo>
                  <a:lnTo>
                    <a:pt x="262" y="266"/>
                  </a:lnTo>
                  <a:lnTo>
                    <a:pt x="266" y="254"/>
                  </a:lnTo>
                  <a:lnTo>
                    <a:pt x="274" y="243"/>
                  </a:lnTo>
                  <a:lnTo>
                    <a:pt x="277" y="231"/>
                  </a:lnTo>
                  <a:lnTo>
                    <a:pt x="281" y="220"/>
                  </a:lnTo>
                  <a:lnTo>
                    <a:pt x="285" y="209"/>
                  </a:lnTo>
                  <a:lnTo>
                    <a:pt x="289" y="197"/>
                  </a:lnTo>
                  <a:lnTo>
                    <a:pt x="289" y="186"/>
                  </a:lnTo>
                  <a:lnTo>
                    <a:pt x="293" y="174"/>
                  </a:lnTo>
                  <a:lnTo>
                    <a:pt x="293" y="163"/>
                  </a:lnTo>
                  <a:lnTo>
                    <a:pt x="293" y="152"/>
                  </a:lnTo>
                  <a:lnTo>
                    <a:pt x="296" y="140"/>
                  </a:lnTo>
                  <a:lnTo>
                    <a:pt x="296" y="133"/>
                  </a:lnTo>
                  <a:lnTo>
                    <a:pt x="296" y="121"/>
                  </a:lnTo>
                  <a:lnTo>
                    <a:pt x="293" y="110"/>
                  </a:lnTo>
                  <a:lnTo>
                    <a:pt x="289" y="98"/>
                  </a:lnTo>
                  <a:lnTo>
                    <a:pt x="285" y="87"/>
                  </a:lnTo>
                  <a:lnTo>
                    <a:pt x="281" y="79"/>
                  </a:lnTo>
                  <a:lnTo>
                    <a:pt x="277" y="68"/>
                  </a:lnTo>
                  <a:lnTo>
                    <a:pt x="270" y="60"/>
                  </a:lnTo>
                  <a:lnTo>
                    <a:pt x="262" y="53"/>
                  </a:lnTo>
                  <a:lnTo>
                    <a:pt x="255" y="45"/>
                  </a:lnTo>
                  <a:lnTo>
                    <a:pt x="247" y="38"/>
                  </a:lnTo>
                  <a:lnTo>
                    <a:pt x="239" y="30"/>
                  </a:lnTo>
                  <a:lnTo>
                    <a:pt x="228" y="26"/>
                  </a:lnTo>
                  <a:lnTo>
                    <a:pt x="220" y="22"/>
                  </a:lnTo>
                  <a:lnTo>
                    <a:pt x="209" y="15"/>
                  </a:lnTo>
                  <a:lnTo>
                    <a:pt x="198" y="11"/>
                  </a:lnTo>
                  <a:lnTo>
                    <a:pt x="186" y="7"/>
                  </a:lnTo>
                  <a:lnTo>
                    <a:pt x="179" y="7"/>
                  </a:lnTo>
                  <a:lnTo>
                    <a:pt x="167" y="3"/>
                  </a:lnTo>
                  <a:lnTo>
                    <a:pt x="152" y="3"/>
                  </a:lnTo>
                  <a:lnTo>
                    <a:pt x="141" y="0"/>
                  </a:lnTo>
                  <a:lnTo>
                    <a:pt x="129" y="0"/>
                  </a:lnTo>
                  <a:lnTo>
                    <a:pt x="118" y="0"/>
                  </a:lnTo>
                  <a:lnTo>
                    <a:pt x="106" y="0"/>
                  </a:lnTo>
                  <a:lnTo>
                    <a:pt x="95" y="0"/>
                  </a:lnTo>
                  <a:lnTo>
                    <a:pt x="84" y="3"/>
                  </a:lnTo>
                  <a:lnTo>
                    <a:pt x="72" y="3"/>
                  </a:lnTo>
                  <a:lnTo>
                    <a:pt x="61" y="3"/>
                  </a:lnTo>
                  <a:lnTo>
                    <a:pt x="49" y="7"/>
                  </a:lnTo>
                  <a:lnTo>
                    <a:pt x="38" y="7"/>
                  </a:lnTo>
                  <a:lnTo>
                    <a:pt x="27" y="11"/>
                  </a:lnTo>
                  <a:lnTo>
                    <a:pt x="19" y="15"/>
                  </a:lnTo>
                  <a:lnTo>
                    <a:pt x="8" y="19"/>
                  </a:lnTo>
                  <a:lnTo>
                    <a:pt x="0" y="22"/>
                  </a:lnTo>
                  <a:lnTo>
                    <a:pt x="0" y="22"/>
                  </a:lnTo>
                  <a:lnTo>
                    <a:pt x="4" y="26"/>
                  </a:lnTo>
                  <a:lnTo>
                    <a:pt x="4" y="26"/>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6" name="Freeform 24"/>
            <p:cNvSpPr>
              <a:spLocks/>
            </p:cNvSpPr>
            <p:nvPr/>
          </p:nvSpPr>
          <p:spPr bwMode="auto">
            <a:xfrm>
              <a:off x="1228" y="1186"/>
              <a:ext cx="2956" cy="3058"/>
            </a:xfrm>
            <a:custGeom>
              <a:avLst/>
              <a:gdLst/>
              <a:ahLst/>
              <a:cxnLst>
                <a:cxn ang="0">
                  <a:pos x="2785" y="1109"/>
                </a:cxn>
                <a:cxn ang="0">
                  <a:pos x="2750" y="752"/>
                </a:cxn>
                <a:cxn ang="0">
                  <a:pos x="2750" y="391"/>
                </a:cxn>
                <a:cxn ang="0">
                  <a:pos x="2773" y="26"/>
                </a:cxn>
                <a:cxn ang="0">
                  <a:pos x="2701" y="319"/>
                </a:cxn>
                <a:cxn ang="0">
                  <a:pos x="2682" y="729"/>
                </a:cxn>
                <a:cxn ang="0">
                  <a:pos x="2709" y="1139"/>
                </a:cxn>
                <a:cxn ang="0">
                  <a:pos x="2766" y="1538"/>
                </a:cxn>
                <a:cxn ang="0">
                  <a:pos x="2804" y="1763"/>
                </a:cxn>
                <a:cxn ang="0">
                  <a:pos x="2834" y="1952"/>
                </a:cxn>
                <a:cxn ang="0">
                  <a:pos x="2853" y="2142"/>
                </a:cxn>
                <a:cxn ang="0">
                  <a:pos x="2842" y="2332"/>
                </a:cxn>
                <a:cxn ang="0">
                  <a:pos x="2788" y="2496"/>
                </a:cxn>
                <a:cxn ang="0">
                  <a:pos x="2693" y="2625"/>
                </a:cxn>
                <a:cxn ang="0">
                  <a:pos x="2564" y="2731"/>
                </a:cxn>
                <a:cxn ang="0">
                  <a:pos x="2412" y="2815"/>
                </a:cxn>
                <a:cxn ang="0">
                  <a:pos x="2477" y="2614"/>
                </a:cxn>
                <a:cxn ang="0">
                  <a:pos x="2500" y="2306"/>
                </a:cxn>
                <a:cxn ang="0">
                  <a:pos x="2458" y="1990"/>
                </a:cxn>
                <a:cxn ang="0">
                  <a:pos x="2397" y="1694"/>
                </a:cxn>
                <a:cxn ang="0">
                  <a:pos x="2405" y="1861"/>
                </a:cxn>
                <a:cxn ang="0">
                  <a:pos x="2439" y="2173"/>
                </a:cxn>
                <a:cxn ang="0">
                  <a:pos x="2431" y="2481"/>
                </a:cxn>
                <a:cxn ang="0">
                  <a:pos x="2344" y="2773"/>
                </a:cxn>
                <a:cxn ang="0">
                  <a:pos x="2200" y="2898"/>
                </a:cxn>
                <a:cxn ang="0">
                  <a:pos x="2074" y="2933"/>
                </a:cxn>
                <a:cxn ang="0">
                  <a:pos x="1759" y="2986"/>
                </a:cxn>
                <a:cxn ang="0">
                  <a:pos x="1326" y="2990"/>
                </a:cxn>
                <a:cxn ang="0">
                  <a:pos x="889" y="2921"/>
                </a:cxn>
                <a:cxn ang="0">
                  <a:pos x="486" y="2792"/>
                </a:cxn>
                <a:cxn ang="0">
                  <a:pos x="236" y="2633"/>
                </a:cxn>
                <a:cxn ang="0">
                  <a:pos x="114" y="2439"/>
                </a:cxn>
                <a:cxn ang="0">
                  <a:pos x="84" y="2211"/>
                </a:cxn>
                <a:cxn ang="0">
                  <a:pos x="125" y="1975"/>
                </a:cxn>
                <a:cxn ang="0">
                  <a:pos x="186" y="1801"/>
                </a:cxn>
                <a:cxn ang="0">
                  <a:pos x="213" y="1652"/>
                </a:cxn>
                <a:cxn ang="0">
                  <a:pos x="220" y="1493"/>
                </a:cxn>
                <a:cxn ang="0">
                  <a:pos x="243" y="1352"/>
                </a:cxn>
                <a:cxn ang="0">
                  <a:pos x="292" y="1227"/>
                </a:cxn>
                <a:cxn ang="0">
                  <a:pos x="372" y="1101"/>
                </a:cxn>
                <a:cxn ang="0">
                  <a:pos x="338" y="1052"/>
                </a:cxn>
                <a:cxn ang="0">
                  <a:pos x="232" y="1223"/>
                </a:cxn>
                <a:cxn ang="0">
                  <a:pos x="186" y="1394"/>
                </a:cxn>
                <a:cxn ang="0">
                  <a:pos x="167" y="1576"/>
                </a:cxn>
                <a:cxn ang="0">
                  <a:pos x="133" y="1785"/>
                </a:cxn>
                <a:cxn ang="0">
                  <a:pos x="72" y="1971"/>
                </a:cxn>
                <a:cxn ang="0">
                  <a:pos x="19" y="2150"/>
                </a:cxn>
                <a:cxn ang="0">
                  <a:pos x="4" y="2332"/>
                </a:cxn>
                <a:cxn ang="0">
                  <a:pos x="95" y="2572"/>
                </a:cxn>
                <a:cxn ang="0">
                  <a:pos x="406" y="2849"/>
                </a:cxn>
                <a:cxn ang="0">
                  <a:pos x="828" y="2997"/>
                </a:cxn>
                <a:cxn ang="0">
                  <a:pos x="1284" y="3050"/>
                </a:cxn>
                <a:cxn ang="0">
                  <a:pos x="1691" y="3054"/>
                </a:cxn>
                <a:cxn ang="0">
                  <a:pos x="2101" y="3005"/>
                </a:cxn>
                <a:cxn ang="0">
                  <a:pos x="2511" y="2872"/>
                </a:cxn>
                <a:cxn ang="0">
                  <a:pos x="2823" y="2621"/>
                </a:cxn>
                <a:cxn ang="0">
                  <a:pos x="2948" y="2275"/>
                </a:cxn>
                <a:cxn ang="0">
                  <a:pos x="2952" y="2059"/>
                </a:cxn>
                <a:cxn ang="0">
                  <a:pos x="2929" y="1842"/>
                </a:cxn>
                <a:cxn ang="0">
                  <a:pos x="2887" y="1626"/>
                </a:cxn>
              </a:cxnLst>
              <a:rect l="0" t="0" r="r" b="b"/>
              <a:pathLst>
                <a:path w="2956" h="3058">
                  <a:moveTo>
                    <a:pt x="2849" y="1455"/>
                  </a:moveTo>
                  <a:lnTo>
                    <a:pt x="2842" y="1428"/>
                  </a:lnTo>
                  <a:lnTo>
                    <a:pt x="2838" y="1405"/>
                  </a:lnTo>
                  <a:lnTo>
                    <a:pt x="2830" y="1383"/>
                  </a:lnTo>
                  <a:lnTo>
                    <a:pt x="2826" y="1360"/>
                  </a:lnTo>
                  <a:lnTo>
                    <a:pt x="2823" y="1337"/>
                  </a:lnTo>
                  <a:lnTo>
                    <a:pt x="2819" y="1314"/>
                  </a:lnTo>
                  <a:lnTo>
                    <a:pt x="2815" y="1291"/>
                  </a:lnTo>
                  <a:lnTo>
                    <a:pt x="2811" y="1269"/>
                  </a:lnTo>
                  <a:lnTo>
                    <a:pt x="2804" y="1246"/>
                  </a:lnTo>
                  <a:lnTo>
                    <a:pt x="2800" y="1223"/>
                  </a:lnTo>
                  <a:lnTo>
                    <a:pt x="2796" y="1200"/>
                  </a:lnTo>
                  <a:lnTo>
                    <a:pt x="2796" y="1177"/>
                  </a:lnTo>
                  <a:lnTo>
                    <a:pt x="2792" y="1155"/>
                  </a:lnTo>
                  <a:lnTo>
                    <a:pt x="2788" y="1132"/>
                  </a:lnTo>
                  <a:lnTo>
                    <a:pt x="2785" y="1109"/>
                  </a:lnTo>
                  <a:lnTo>
                    <a:pt x="2781" y="1090"/>
                  </a:lnTo>
                  <a:lnTo>
                    <a:pt x="2777" y="1067"/>
                  </a:lnTo>
                  <a:lnTo>
                    <a:pt x="2773" y="1044"/>
                  </a:lnTo>
                  <a:lnTo>
                    <a:pt x="2773" y="1022"/>
                  </a:lnTo>
                  <a:lnTo>
                    <a:pt x="2769" y="999"/>
                  </a:lnTo>
                  <a:lnTo>
                    <a:pt x="2769" y="976"/>
                  </a:lnTo>
                  <a:lnTo>
                    <a:pt x="2766" y="953"/>
                  </a:lnTo>
                  <a:lnTo>
                    <a:pt x="2766" y="931"/>
                  </a:lnTo>
                  <a:lnTo>
                    <a:pt x="2762" y="908"/>
                  </a:lnTo>
                  <a:lnTo>
                    <a:pt x="2762" y="885"/>
                  </a:lnTo>
                  <a:lnTo>
                    <a:pt x="2758" y="862"/>
                  </a:lnTo>
                  <a:lnTo>
                    <a:pt x="2758" y="839"/>
                  </a:lnTo>
                  <a:lnTo>
                    <a:pt x="2754" y="817"/>
                  </a:lnTo>
                  <a:lnTo>
                    <a:pt x="2754" y="794"/>
                  </a:lnTo>
                  <a:lnTo>
                    <a:pt x="2754" y="775"/>
                  </a:lnTo>
                  <a:lnTo>
                    <a:pt x="2750" y="752"/>
                  </a:lnTo>
                  <a:lnTo>
                    <a:pt x="2750" y="729"/>
                  </a:lnTo>
                  <a:lnTo>
                    <a:pt x="2750" y="706"/>
                  </a:lnTo>
                  <a:lnTo>
                    <a:pt x="2750" y="684"/>
                  </a:lnTo>
                  <a:lnTo>
                    <a:pt x="2747" y="661"/>
                  </a:lnTo>
                  <a:lnTo>
                    <a:pt x="2747" y="638"/>
                  </a:lnTo>
                  <a:lnTo>
                    <a:pt x="2747" y="615"/>
                  </a:lnTo>
                  <a:lnTo>
                    <a:pt x="2747" y="596"/>
                  </a:lnTo>
                  <a:lnTo>
                    <a:pt x="2747" y="573"/>
                  </a:lnTo>
                  <a:lnTo>
                    <a:pt x="2747" y="551"/>
                  </a:lnTo>
                  <a:lnTo>
                    <a:pt x="2747" y="528"/>
                  </a:lnTo>
                  <a:lnTo>
                    <a:pt x="2747" y="505"/>
                  </a:lnTo>
                  <a:lnTo>
                    <a:pt x="2747" y="482"/>
                  </a:lnTo>
                  <a:lnTo>
                    <a:pt x="2747" y="459"/>
                  </a:lnTo>
                  <a:lnTo>
                    <a:pt x="2747" y="437"/>
                  </a:lnTo>
                  <a:lnTo>
                    <a:pt x="2747" y="414"/>
                  </a:lnTo>
                  <a:lnTo>
                    <a:pt x="2750" y="391"/>
                  </a:lnTo>
                  <a:lnTo>
                    <a:pt x="2750" y="368"/>
                  </a:lnTo>
                  <a:lnTo>
                    <a:pt x="2750" y="345"/>
                  </a:lnTo>
                  <a:lnTo>
                    <a:pt x="2750" y="323"/>
                  </a:lnTo>
                  <a:lnTo>
                    <a:pt x="2754" y="300"/>
                  </a:lnTo>
                  <a:lnTo>
                    <a:pt x="2754" y="281"/>
                  </a:lnTo>
                  <a:lnTo>
                    <a:pt x="2754" y="258"/>
                  </a:lnTo>
                  <a:lnTo>
                    <a:pt x="2758" y="231"/>
                  </a:lnTo>
                  <a:lnTo>
                    <a:pt x="2758" y="209"/>
                  </a:lnTo>
                  <a:lnTo>
                    <a:pt x="2762" y="190"/>
                  </a:lnTo>
                  <a:lnTo>
                    <a:pt x="2762" y="163"/>
                  </a:lnTo>
                  <a:lnTo>
                    <a:pt x="2762" y="140"/>
                  </a:lnTo>
                  <a:lnTo>
                    <a:pt x="2766" y="118"/>
                  </a:lnTo>
                  <a:lnTo>
                    <a:pt x="2766" y="95"/>
                  </a:lnTo>
                  <a:lnTo>
                    <a:pt x="2769" y="72"/>
                  </a:lnTo>
                  <a:lnTo>
                    <a:pt x="2769" y="49"/>
                  </a:lnTo>
                  <a:lnTo>
                    <a:pt x="2773" y="26"/>
                  </a:lnTo>
                  <a:lnTo>
                    <a:pt x="2773" y="4"/>
                  </a:lnTo>
                  <a:lnTo>
                    <a:pt x="2773" y="0"/>
                  </a:lnTo>
                  <a:lnTo>
                    <a:pt x="2769" y="4"/>
                  </a:lnTo>
                  <a:lnTo>
                    <a:pt x="2762" y="26"/>
                  </a:lnTo>
                  <a:lnTo>
                    <a:pt x="2754" y="53"/>
                  </a:lnTo>
                  <a:lnTo>
                    <a:pt x="2747" y="76"/>
                  </a:lnTo>
                  <a:lnTo>
                    <a:pt x="2743" y="99"/>
                  </a:lnTo>
                  <a:lnTo>
                    <a:pt x="2735" y="121"/>
                  </a:lnTo>
                  <a:lnTo>
                    <a:pt x="2731" y="148"/>
                  </a:lnTo>
                  <a:lnTo>
                    <a:pt x="2728" y="171"/>
                  </a:lnTo>
                  <a:lnTo>
                    <a:pt x="2724" y="197"/>
                  </a:lnTo>
                  <a:lnTo>
                    <a:pt x="2720" y="220"/>
                  </a:lnTo>
                  <a:lnTo>
                    <a:pt x="2712" y="243"/>
                  </a:lnTo>
                  <a:lnTo>
                    <a:pt x="2709" y="269"/>
                  </a:lnTo>
                  <a:lnTo>
                    <a:pt x="2705" y="292"/>
                  </a:lnTo>
                  <a:lnTo>
                    <a:pt x="2701" y="319"/>
                  </a:lnTo>
                  <a:lnTo>
                    <a:pt x="2697" y="345"/>
                  </a:lnTo>
                  <a:lnTo>
                    <a:pt x="2697" y="368"/>
                  </a:lnTo>
                  <a:lnTo>
                    <a:pt x="2693" y="395"/>
                  </a:lnTo>
                  <a:lnTo>
                    <a:pt x="2690" y="421"/>
                  </a:lnTo>
                  <a:lnTo>
                    <a:pt x="2690" y="444"/>
                  </a:lnTo>
                  <a:lnTo>
                    <a:pt x="2686" y="471"/>
                  </a:lnTo>
                  <a:lnTo>
                    <a:pt x="2686" y="497"/>
                  </a:lnTo>
                  <a:lnTo>
                    <a:pt x="2686" y="520"/>
                  </a:lnTo>
                  <a:lnTo>
                    <a:pt x="2682" y="547"/>
                  </a:lnTo>
                  <a:lnTo>
                    <a:pt x="2682" y="573"/>
                  </a:lnTo>
                  <a:lnTo>
                    <a:pt x="2682" y="600"/>
                  </a:lnTo>
                  <a:lnTo>
                    <a:pt x="2682" y="627"/>
                  </a:lnTo>
                  <a:lnTo>
                    <a:pt x="2682" y="649"/>
                  </a:lnTo>
                  <a:lnTo>
                    <a:pt x="2682" y="676"/>
                  </a:lnTo>
                  <a:lnTo>
                    <a:pt x="2682" y="703"/>
                  </a:lnTo>
                  <a:lnTo>
                    <a:pt x="2682" y="729"/>
                  </a:lnTo>
                  <a:lnTo>
                    <a:pt x="2682" y="756"/>
                  </a:lnTo>
                  <a:lnTo>
                    <a:pt x="2686" y="779"/>
                  </a:lnTo>
                  <a:lnTo>
                    <a:pt x="2686" y="805"/>
                  </a:lnTo>
                  <a:lnTo>
                    <a:pt x="2686" y="832"/>
                  </a:lnTo>
                  <a:lnTo>
                    <a:pt x="2686" y="858"/>
                  </a:lnTo>
                  <a:lnTo>
                    <a:pt x="2690" y="881"/>
                  </a:lnTo>
                  <a:lnTo>
                    <a:pt x="2690" y="908"/>
                  </a:lnTo>
                  <a:lnTo>
                    <a:pt x="2690" y="934"/>
                  </a:lnTo>
                  <a:lnTo>
                    <a:pt x="2693" y="957"/>
                  </a:lnTo>
                  <a:lnTo>
                    <a:pt x="2693" y="984"/>
                  </a:lnTo>
                  <a:lnTo>
                    <a:pt x="2697" y="1010"/>
                  </a:lnTo>
                  <a:lnTo>
                    <a:pt x="2697" y="1037"/>
                  </a:lnTo>
                  <a:lnTo>
                    <a:pt x="2701" y="1060"/>
                  </a:lnTo>
                  <a:lnTo>
                    <a:pt x="2705" y="1086"/>
                  </a:lnTo>
                  <a:lnTo>
                    <a:pt x="2709" y="1113"/>
                  </a:lnTo>
                  <a:lnTo>
                    <a:pt x="2709" y="1139"/>
                  </a:lnTo>
                  <a:lnTo>
                    <a:pt x="2712" y="1162"/>
                  </a:lnTo>
                  <a:lnTo>
                    <a:pt x="2716" y="1189"/>
                  </a:lnTo>
                  <a:lnTo>
                    <a:pt x="2720" y="1215"/>
                  </a:lnTo>
                  <a:lnTo>
                    <a:pt x="2720" y="1238"/>
                  </a:lnTo>
                  <a:lnTo>
                    <a:pt x="2724" y="1265"/>
                  </a:lnTo>
                  <a:lnTo>
                    <a:pt x="2728" y="1291"/>
                  </a:lnTo>
                  <a:lnTo>
                    <a:pt x="2731" y="1314"/>
                  </a:lnTo>
                  <a:lnTo>
                    <a:pt x="2735" y="1341"/>
                  </a:lnTo>
                  <a:lnTo>
                    <a:pt x="2739" y="1367"/>
                  </a:lnTo>
                  <a:lnTo>
                    <a:pt x="2743" y="1390"/>
                  </a:lnTo>
                  <a:lnTo>
                    <a:pt x="2747" y="1417"/>
                  </a:lnTo>
                  <a:lnTo>
                    <a:pt x="2750" y="1440"/>
                  </a:lnTo>
                  <a:lnTo>
                    <a:pt x="2754" y="1466"/>
                  </a:lnTo>
                  <a:lnTo>
                    <a:pt x="2758" y="1489"/>
                  </a:lnTo>
                  <a:lnTo>
                    <a:pt x="2762" y="1516"/>
                  </a:lnTo>
                  <a:lnTo>
                    <a:pt x="2766" y="1538"/>
                  </a:lnTo>
                  <a:lnTo>
                    <a:pt x="2769" y="1561"/>
                  </a:lnTo>
                  <a:lnTo>
                    <a:pt x="2773" y="1588"/>
                  </a:lnTo>
                  <a:lnTo>
                    <a:pt x="2777" y="1611"/>
                  </a:lnTo>
                  <a:lnTo>
                    <a:pt x="2781" y="1622"/>
                  </a:lnTo>
                  <a:lnTo>
                    <a:pt x="2781" y="1633"/>
                  </a:lnTo>
                  <a:lnTo>
                    <a:pt x="2785" y="1649"/>
                  </a:lnTo>
                  <a:lnTo>
                    <a:pt x="2785" y="1660"/>
                  </a:lnTo>
                  <a:lnTo>
                    <a:pt x="2788" y="1671"/>
                  </a:lnTo>
                  <a:lnTo>
                    <a:pt x="2788" y="1683"/>
                  </a:lnTo>
                  <a:lnTo>
                    <a:pt x="2792" y="1694"/>
                  </a:lnTo>
                  <a:lnTo>
                    <a:pt x="2796" y="1706"/>
                  </a:lnTo>
                  <a:lnTo>
                    <a:pt x="2796" y="1717"/>
                  </a:lnTo>
                  <a:lnTo>
                    <a:pt x="2796" y="1728"/>
                  </a:lnTo>
                  <a:lnTo>
                    <a:pt x="2800" y="1740"/>
                  </a:lnTo>
                  <a:lnTo>
                    <a:pt x="2800" y="1755"/>
                  </a:lnTo>
                  <a:lnTo>
                    <a:pt x="2804" y="1763"/>
                  </a:lnTo>
                  <a:lnTo>
                    <a:pt x="2807" y="1778"/>
                  </a:lnTo>
                  <a:lnTo>
                    <a:pt x="2807" y="1789"/>
                  </a:lnTo>
                  <a:lnTo>
                    <a:pt x="2811" y="1801"/>
                  </a:lnTo>
                  <a:lnTo>
                    <a:pt x="2811" y="1812"/>
                  </a:lnTo>
                  <a:lnTo>
                    <a:pt x="2815" y="1823"/>
                  </a:lnTo>
                  <a:lnTo>
                    <a:pt x="2815" y="1835"/>
                  </a:lnTo>
                  <a:lnTo>
                    <a:pt x="2819" y="1846"/>
                  </a:lnTo>
                  <a:lnTo>
                    <a:pt x="2819" y="1857"/>
                  </a:lnTo>
                  <a:lnTo>
                    <a:pt x="2823" y="1869"/>
                  </a:lnTo>
                  <a:lnTo>
                    <a:pt x="2823" y="1884"/>
                  </a:lnTo>
                  <a:lnTo>
                    <a:pt x="2826" y="1895"/>
                  </a:lnTo>
                  <a:lnTo>
                    <a:pt x="2826" y="1907"/>
                  </a:lnTo>
                  <a:lnTo>
                    <a:pt x="2830" y="1918"/>
                  </a:lnTo>
                  <a:lnTo>
                    <a:pt x="2830" y="1930"/>
                  </a:lnTo>
                  <a:lnTo>
                    <a:pt x="2834" y="1941"/>
                  </a:lnTo>
                  <a:lnTo>
                    <a:pt x="2834" y="1952"/>
                  </a:lnTo>
                  <a:lnTo>
                    <a:pt x="2838" y="1964"/>
                  </a:lnTo>
                  <a:lnTo>
                    <a:pt x="2838" y="1975"/>
                  </a:lnTo>
                  <a:lnTo>
                    <a:pt x="2842" y="1990"/>
                  </a:lnTo>
                  <a:lnTo>
                    <a:pt x="2842" y="2002"/>
                  </a:lnTo>
                  <a:lnTo>
                    <a:pt x="2842" y="2013"/>
                  </a:lnTo>
                  <a:lnTo>
                    <a:pt x="2845" y="2025"/>
                  </a:lnTo>
                  <a:lnTo>
                    <a:pt x="2845" y="2036"/>
                  </a:lnTo>
                  <a:lnTo>
                    <a:pt x="2845" y="2047"/>
                  </a:lnTo>
                  <a:lnTo>
                    <a:pt x="2849" y="2059"/>
                  </a:lnTo>
                  <a:lnTo>
                    <a:pt x="2849" y="2070"/>
                  </a:lnTo>
                  <a:lnTo>
                    <a:pt x="2849" y="2082"/>
                  </a:lnTo>
                  <a:lnTo>
                    <a:pt x="2849" y="2093"/>
                  </a:lnTo>
                  <a:lnTo>
                    <a:pt x="2849" y="2104"/>
                  </a:lnTo>
                  <a:lnTo>
                    <a:pt x="2849" y="2120"/>
                  </a:lnTo>
                  <a:lnTo>
                    <a:pt x="2853" y="2131"/>
                  </a:lnTo>
                  <a:lnTo>
                    <a:pt x="2853" y="2142"/>
                  </a:lnTo>
                  <a:lnTo>
                    <a:pt x="2853" y="2154"/>
                  </a:lnTo>
                  <a:lnTo>
                    <a:pt x="2853" y="2165"/>
                  </a:lnTo>
                  <a:lnTo>
                    <a:pt x="2853" y="2180"/>
                  </a:lnTo>
                  <a:lnTo>
                    <a:pt x="2853" y="2188"/>
                  </a:lnTo>
                  <a:lnTo>
                    <a:pt x="2853" y="2203"/>
                  </a:lnTo>
                  <a:lnTo>
                    <a:pt x="2849" y="2215"/>
                  </a:lnTo>
                  <a:lnTo>
                    <a:pt x="2849" y="2226"/>
                  </a:lnTo>
                  <a:lnTo>
                    <a:pt x="2849" y="2237"/>
                  </a:lnTo>
                  <a:lnTo>
                    <a:pt x="2849" y="2249"/>
                  </a:lnTo>
                  <a:lnTo>
                    <a:pt x="2849" y="2260"/>
                  </a:lnTo>
                  <a:lnTo>
                    <a:pt x="2849" y="2275"/>
                  </a:lnTo>
                  <a:lnTo>
                    <a:pt x="2845" y="2287"/>
                  </a:lnTo>
                  <a:lnTo>
                    <a:pt x="2845" y="2298"/>
                  </a:lnTo>
                  <a:lnTo>
                    <a:pt x="2845" y="2310"/>
                  </a:lnTo>
                  <a:lnTo>
                    <a:pt x="2842" y="2321"/>
                  </a:lnTo>
                  <a:lnTo>
                    <a:pt x="2842" y="2332"/>
                  </a:lnTo>
                  <a:lnTo>
                    <a:pt x="2838" y="2344"/>
                  </a:lnTo>
                  <a:lnTo>
                    <a:pt x="2838" y="2359"/>
                  </a:lnTo>
                  <a:lnTo>
                    <a:pt x="2834" y="2370"/>
                  </a:lnTo>
                  <a:lnTo>
                    <a:pt x="2830" y="2382"/>
                  </a:lnTo>
                  <a:lnTo>
                    <a:pt x="2830" y="2389"/>
                  </a:lnTo>
                  <a:lnTo>
                    <a:pt x="2826" y="2401"/>
                  </a:lnTo>
                  <a:lnTo>
                    <a:pt x="2823" y="2412"/>
                  </a:lnTo>
                  <a:lnTo>
                    <a:pt x="2819" y="2420"/>
                  </a:lnTo>
                  <a:lnTo>
                    <a:pt x="2819" y="2431"/>
                  </a:lnTo>
                  <a:lnTo>
                    <a:pt x="2815" y="2439"/>
                  </a:lnTo>
                  <a:lnTo>
                    <a:pt x="2811" y="2450"/>
                  </a:lnTo>
                  <a:lnTo>
                    <a:pt x="2804" y="2458"/>
                  </a:lnTo>
                  <a:lnTo>
                    <a:pt x="2800" y="2469"/>
                  </a:lnTo>
                  <a:lnTo>
                    <a:pt x="2796" y="2477"/>
                  </a:lnTo>
                  <a:lnTo>
                    <a:pt x="2792" y="2484"/>
                  </a:lnTo>
                  <a:lnTo>
                    <a:pt x="2788" y="2496"/>
                  </a:lnTo>
                  <a:lnTo>
                    <a:pt x="2785" y="2503"/>
                  </a:lnTo>
                  <a:lnTo>
                    <a:pt x="2777" y="2511"/>
                  </a:lnTo>
                  <a:lnTo>
                    <a:pt x="2773" y="2522"/>
                  </a:lnTo>
                  <a:lnTo>
                    <a:pt x="2769" y="2530"/>
                  </a:lnTo>
                  <a:lnTo>
                    <a:pt x="2762" y="2538"/>
                  </a:lnTo>
                  <a:lnTo>
                    <a:pt x="2758" y="2545"/>
                  </a:lnTo>
                  <a:lnTo>
                    <a:pt x="2750" y="2553"/>
                  </a:lnTo>
                  <a:lnTo>
                    <a:pt x="2743" y="2564"/>
                  </a:lnTo>
                  <a:lnTo>
                    <a:pt x="2739" y="2572"/>
                  </a:lnTo>
                  <a:lnTo>
                    <a:pt x="2731" y="2579"/>
                  </a:lnTo>
                  <a:lnTo>
                    <a:pt x="2728" y="2587"/>
                  </a:lnTo>
                  <a:lnTo>
                    <a:pt x="2720" y="2595"/>
                  </a:lnTo>
                  <a:lnTo>
                    <a:pt x="2716" y="2602"/>
                  </a:lnTo>
                  <a:lnTo>
                    <a:pt x="2709" y="2610"/>
                  </a:lnTo>
                  <a:lnTo>
                    <a:pt x="2701" y="2617"/>
                  </a:lnTo>
                  <a:lnTo>
                    <a:pt x="2693" y="2625"/>
                  </a:lnTo>
                  <a:lnTo>
                    <a:pt x="2686" y="2633"/>
                  </a:lnTo>
                  <a:lnTo>
                    <a:pt x="2678" y="2640"/>
                  </a:lnTo>
                  <a:lnTo>
                    <a:pt x="2674" y="2648"/>
                  </a:lnTo>
                  <a:lnTo>
                    <a:pt x="2667" y="2655"/>
                  </a:lnTo>
                  <a:lnTo>
                    <a:pt x="2655" y="2663"/>
                  </a:lnTo>
                  <a:lnTo>
                    <a:pt x="2648" y="2667"/>
                  </a:lnTo>
                  <a:lnTo>
                    <a:pt x="2640" y="2674"/>
                  </a:lnTo>
                  <a:lnTo>
                    <a:pt x="2633" y="2682"/>
                  </a:lnTo>
                  <a:lnTo>
                    <a:pt x="2625" y="2690"/>
                  </a:lnTo>
                  <a:lnTo>
                    <a:pt x="2614" y="2693"/>
                  </a:lnTo>
                  <a:lnTo>
                    <a:pt x="2610" y="2701"/>
                  </a:lnTo>
                  <a:lnTo>
                    <a:pt x="2598" y="2708"/>
                  </a:lnTo>
                  <a:lnTo>
                    <a:pt x="2591" y="2716"/>
                  </a:lnTo>
                  <a:lnTo>
                    <a:pt x="2583" y="2720"/>
                  </a:lnTo>
                  <a:lnTo>
                    <a:pt x="2572" y="2727"/>
                  </a:lnTo>
                  <a:lnTo>
                    <a:pt x="2564" y="2731"/>
                  </a:lnTo>
                  <a:lnTo>
                    <a:pt x="2557" y="2739"/>
                  </a:lnTo>
                  <a:lnTo>
                    <a:pt x="2545" y="2743"/>
                  </a:lnTo>
                  <a:lnTo>
                    <a:pt x="2538" y="2750"/>
                  </a:lnTo>
                  <a:lnTo>
                    <a:pt x="2526" y="2754"/>
                  </a:lnTo>
                  <a:lnTo>
                    <a:pt x="2519" y="2762"/>
                  </a:lnTo>
                  <a:lnTo>
                    <a:pt x="2507" y="2765"/>
                  </a:lnTo>
                  <a:lnTo>
                    <a:pt x="2500" y="2769"/>
                  </a:lnTo>
                  <a:lnTo>
                    <a:pt x="2488" y="2777"/>
                  </a:lnTo>
                  <a:lnTo>
                    <a:pt x="2481" y="2781"/>
                  </a:lnTo>
                  <a:lnTo>
                    <a:pt x="2469" y="2788"/>
                  </a:lnTo>
                  <a:lnTo>
                    <a:pt x="2462" y="2792"/>
                  </a:lnTo>
                  <a:lnTo>
                    <a:pt x="2450" y="2796"/>
                  </a:lnTo>
                  <a:lnTo>
                    <a:pt x="2443" y="2803"/>
                  </a:lnTo>
                  <a:lnTo>
                    <a:pt x="2431" y="2807"/>
                  </a:lnTo>
                  <a:lnTo>
                    <a:pt x="2424" y="2811"/>
                  </a:lnTo>
                  <a:lnTo>
                    <a:pt x="2412" y="2815"/>
                  </a:lnTo>
                  <a:lnTo>
                    <a:pt x="2401" y="2822"/>
                  </a:lnTo>
                  <a:lnTo>
                    <a:pt x="2393" y="2826"/>
                  </a:lnTo>
                  <a:lnTo>
                    <a:pt x="2382" y="2830"/>
                  </a:lnTo>
                  <a:lnTo>
                    <a:pt x="2393" y="2815"/>
                  </a:lnTo>
                  <a:lnTo>
                    <a:pt x="2401" y="2800"/>
                  </a:lnTo>
                  <a:lnTo>
                    <a:pt x="2409" y="2784"/>
                  </a:lnTo>
                  <a:lnTo>
                    <a:pt x="2420" y="2769"/>
                  </a:lnTo>
                  <a:lnTo>
                    <a:pt x="2427" y="2750"/>
                  </a:lnTo>
                  <a:lnTo>
                    <a:pt x="2435" y="2735"/>
                  </a:lnTo>
                  <a:lnTo>
                    <a:pt x="2443" y="2716"/>
                  </a:lnTo>
                  <a:lnTo>
                    <a:pt x="2450" y="2701"/>
                  </a:lnTo>
                  <a:lnTo>
                    <a:pt x="2458" y="2686"/>
                  </a:lnTo>
                  <a:lnTo>
                    <a:pt x="2462" y="2667"/>
                  </a:lnTo>
                  <a:lnTo>
                    <a:pt x="2465" y="2648"/>
                  </a:lnTo>
                  <a:lnTo>
                    <a:pt x="2473" y="2633"/>
                  </a:lnTo>
                  <a:lnTo>
                    <a:pt x="2477" y="2614"/>
                  </a:lnTo>
                  <a:lnTo>
                    <a:pt x="2481" y="2595"/>
                  </a:lnTo>
                  <a:lnTo>
                    <a:pt x="2484" y="2579"/>
                  </a:lnTo>
                  <a:lnTo>
                    <a:pt x="2488" y="2560"/>
                  </a:lnTo>
                  <a:lnTo>
                    <a:pt x="2492" y="2541"/>
                  </a:lnTo>
                  <a:lnTo>
                    <a:pt x="2492" y="2522"/>
                  </a:lnTo>
                  <a:lnTo>
                    <a:pt x="2496" y="2500"/>
                  </a:lnTo>
                  <a:lnTo>
                    <a:pt x="2496" y="2484"/>
                  </a:lnTo>
                  <a:lnTo>
                    <a:pt x="2500" y="2462"/>
                  </a:lnTo>
                  <a:lnTo>
                    <a:pt x="2500" y="2446"/>
                  </a:lnTo>
                  <a:lnTo>
                    <a:pt x="2500" y="2424"/>
                  </a:lnTo>
                  <a:lnTo>
                    <a:pt x="2503" y="2405"/>
                  </a:lnTo>
                  <a:lnTo>
                    <a:pt x="2500" y="2386"/>
                  </a:lnTo>
                  <a:lnTo>
                    <a:pt x="2500" y="2367"/>
                  </a:lnTo>
                  <a:lnTo>
                    <a:pt x="2500" y="2348"/>
                  </a:lnTo>
                  <a:lnTo>
                    <a:pt x="2500" y="2329"/>
                  </a:lnTo>
                  <a:lnTo>
                    <a:pt x="2500" y="2306"/>
                  </a:lnTo>
                  <a:lnTo>
                    <a:pt x="2500" y="2287"/>
                  </a:lnTo>
                  <a:lnTo>
                    <a:pt x="2496" y="2268"/>
                  </a:lnTo>
                  <a:lnTo>
                    <a:pt x="2496" y="2249"/>
                  </a:lnTo>
                  <a:lnTo>
                    <a:pt x="2492" y="2230"/>
                  </a:lnTo>
                  <a:lnTo>
                    <a:pt x="2488" y="2207"/>
                  </a:lnTo>
                  <a:lnTo>
                    <a:pt x="2488" y="2188"/>
                  </a:lnTo>
                  <a:lnTo>
                    <a:pt x="2484" y="2169"/>
                  </a:lnTo>
                  <a:lnTo>
                    <a:pt x="2481" y="2146"/>
                  </a:lnTo>
                  <a:lnTo>
                    <a:pt x="2481" y="2127"/>
                  </a:lnTo>
                  <a:lnTo>
                    <a:pt x="2477" y="2108"/>
                  </a:lnTo>
                  <a:lnTo>
                    <a:pt x="2473" y="2089"/>
                  </a:lnTo>
                  <a:lnTo>
                    <a:pt x="2469" y="2066"/>
                  </a:lnTo>
                  <a:lnTo>
                    <a:pt x="2465" y="2047"/>
                  </a:lnTo>
                  <a:lnTo>
                    <a:pt x="2462" y="2028"/>
                  </a:lnTo>
                  <a:lnTo>
                    <a:pt x="2462" y="2009"/>
                  </a:lnTo>
                  <a:lnTo>
                    <a:pt x="2458" y="1990"/>
                  </a:lnTo>
                  <a:lnTo>
                    <a:pt x="2454" y="1971"/>
                  </a:lnTo>
                  <a:lnTo>
                    <a:pt x="2450" y="1949"/>
                  </a:lnTo>
                  <a:lnTo>
                    <a:pt x="2446" y="1933"/>
                  </a:lnTo>
                  <a:lnTo>
                    <a:pt x="2443" y="1911"/>
                  </a:lnTo>
                  <a:lnTo>
                    <a:pt x="2439" y="1892"/>
                  </a:lnTo>
                  <a:lnTo>
                    <a:pt x="2435" y="1873"/>
                  </a:lnTo>
                  <a:lnTo>
                    <a:pt x="2431" y="1854"/>
                  </a:lnTo>
                  <a:lnTo>
                    <a:pt x="2427" y="1839"/>
                  </a:lnTo>
                  <a:lnTo>
                    <a:pt x="2424" y="1820"/>
                  </a:lnTo>
                  <a:lnTo>
                    <a:pt x="2420" y="1801"/>
                  </a:lnTo>
                  <a:lnTo>
                    <a:pt x="2416" y="1782"/>
                  </a:lnTo>
                  <a:lnTo>
                    <a:pt x="2412" y="1763"/>
                  </a:lnTo>
                  <a:lnTo>
                    <a:pt x="2409" y="1747"/>
                  </a:lnTo>
                  <a:lnTo>
                    <a:pt x="2405" y="1728"/>
                  </a:lnTo>
                  <a:lnTo>
                    <a:pt x="2401" y="1713"/>
                  </a:lnTo>
                  <a:lnTo>
                    <a:pt x="2397" y="1694"/>
                  </a:lnTo>
                  <a:lnTo>
                    <a:pt x="2393" y="1679"/>
                  </a:lnTo>
                  <a:lnTo>
                    <a:pt x="2393" y="1660"/>
                  </a:lnTo>
                  <a:lnTo>
                    <a:pt x="2390" y="1645"/>
                  </a:lnTo>
                  <a:lnTo>
                    <a:pt x="2386" y="1641"/>
                  </a:lnTo>
                  <a:lnTo>
                    <a:pt x="2386" y="1645"/>
                  </a:lnTo>
                  <a:lnTo>
                    <a:pt x="2386" y="1664"/>
                  </a:lnTo>
                  <a:lnTo>
                    <a:pt x="2390" y="1687"/>
                  </a:lnTo>
                  <a:lnTo>
                    <a:pt x="2390" y="1706"/>
                  </a:lnTo>
                  <a:lnTo>
                    <a:pt x="2393" y="1725"/>
                  </a:lnTo>
                  <a:lnTo>
                    <a:pt x="2393" y="1744"/>
                  </a:lnTo>
                  <a:lnTo>
                    <a:pt x="2397" y="1763"/>
                  </a:lnTo>
                  <a:lnTo>
                    <a:pt x="2397" y="1782"/>
                  </a:lnTo>
                  <a:lnTo>
                    <a:pt x="2401" y="1804"/>
                  </a:lnTo>
                  <a:lnTo>
                    <a:pt x="2401" y="1823"/>
                  </a:lnTo>
                  <a:lnTo>
                    <a:pt x="2405" y="1842"/>
                  </a:lnTo>
                  <a:lnTo>
                    <a:pt x="2405" y="1861"/>
                  </a:lnTo>
                  <a:lnTo>
                    <a:pt x="2409" y="1880"/>
                  </a:lnTo>
                  <a:lnTo>
                    <a:pt x="2409" y="1899"/>
                  </a:lnTo>
                  <a:lnTo>
                    <a:pt x="2412" y="1922"/>
                  </a:lnTo>
                  <a:lnTo>
                    <a:pt x="2416" y="1941"/>
                  </a:lnTo>
                  <a:lnTo>
                    <a:pt x="2420" y="1960"/>
                  </a:lnTo>
                  <a:lnTo>
                    <a:pt x="2420" y="1979"/>
                  </a:lnTo>
                  <a:lnTo>
                    <a:pt x="2424" y="2002"/>
                  </a:lnTo>
                  <a:lnTo>
                    <a:pt x="2424" y="2017"/>
                  </a:lnTo>
                  <a:lnTo>
                    <a:pt x="2427" y="2040"/>
                  </a:lnTo>
                  <a:lnTo>
                    <a:pt x="2427" y="2059"/>
                  </a:lnTo>
                  <a:lnTo>
                    <a:pt x="2431" y="2078"/>
                  </a:lnTo>
                  <a:lnTo>
                    <a:pt x="2431" y="2097"/>
                  </a:lnTo>
                  <a:lnTo>
                    <a:pt x="2435" y="2116"/>
                  </a:lnTo>
                  <a:lnTo>
                    <a:pt x="2435" y="2135"/>
                  </a:lnTo>
                  <a:lnTo>
                    <a:pt x="2435" y="2158"/>
                  </a:lnTo>
                  <a:lnTo>
                    <a:pt x="2439" y="2173"/>
                  </a:lnTo>
                  <a:lnTo>
                    <a:pt x="2439" y="2196"/>
                  </a:lnTo>
                  <a:lnTo>
                    <a:pt x="2439" y="2215"/>
                  </a:lnTo>
                  <a:lnTo>
                    <a:pt x="2443" y="2234"/>
                  </a:lnTo>
                  <a:lnTo>
                    <a:pt x="2443" y="2253"/>
                  </a:lnTo>
                  <a:lnTo>
                    <a:pt x="2443" y="2272"/>
                  </a:lnTo>
                  <a:lnTo>
                    <a:pt x="2443" y="2291"/>
                  </a:lnTo>
                  <a:lnTo>
                    <a:pt x="2443" y="2310"/>
                  </a:lnTo>
                  <a:lnTo>
                    <a:pt x="2443" y="2329"/>
                  </a:lnTo>
                  <a:lnTo>
                    <a:pt x="2443" y="2348"/>
                  </a:lnTo>
                  <a:lnTo>
                    <a:pt x="2443" y="2367"/>
                  </a:lnTo>
                  <a:lnTo>
                    <a:pt x="2443" y="2386"/>
                  </a:lnTo>
                  <a:lnTo>
                    <a:pt x="2439" y="2405"/>
                  </a:lnTo>
                  <a:lnTo>
                    <a:pt x="2439" y="2424"/>
                  </a:lnTo>
                  <a:lnTo>
                    <a:pt x="2435" y="2443"/>
                  </a:lnTo>
                  <a:lnTo>
                    <a:pt x="2435" y="2462"/>
                  </a:lnTo>
                  <a:lnTo>
                    <a:pt x="2431" y="2481"/>
                  </a:lnTo>
                  <a:lnTo>
                    <a:pt x="2431" y="2500"/>
                  </a:lnTo>
                  <a:lnTo>
                    <a:pt x="2427" y="2519"/>
                  </a:lnTo>
                  <a:lnTo>
                    <a:pt x="2424" y="2538"/>
                  </a:lnTo>
                  <a:lnTo>
                    <a:pt x="2420" y="2557"/>
                  </a:lnTo>
                  <a:lnTo>
                    <a:pt x="2416" y="2576"/>
                  </a:lnTo>
                  <a:lnTo>
                    <a:pt x="2409" y="2595"/>
                  </a:lnTo>
                  <a:lnTo>
                    <a:pt x="2405" y="2610"/>
                  </a:lnTo>
                  <a:lnTo>
                    <a:pt x="2401" y="2629"/>
                  </a:lnTo>
                  <a:lnTo>
                    <a:pt x="2393" y="2648"/>
                  </a:lnTo>
                  <a:lnTo>
                    <a:pt x="2386" y="2667"/>
                  </a:lnTo>
                  <a:lnTo>
                    <a:pt x="2382" y="2686"/>
                  </a:lnTo>
                  <a:lnTo>
                    <a:pt x="2374" y="2701"/>
                  </a:lnTo>
                  <a:lnTo>
                    <a:pt x="2367" y="2720"/>
                  </a:lnTo>
                  <a:lnTo>
                    <a:pt x="2359" y="2739"/>
                  </a:lnTo>
                  <a:lnTo>
                    <a:pt x="2352" y="2758"/>
                  </a:lnTo>
                  <a:lnTo>
                    <a:pt x="2344" y="2773"/>
                  </a:lnTo>
                  <a:lnTo>
                    <a:pt x="2333" y="2792"/>
                  </a:lnTo>
                  <a:lnTo>
                    <a:pt x="2325" y="2811"/>
                  </a:lnTo>
                  <a:lnTo>
                    <a:pt x="2314" y="2830"/>
                  </a:lnTo>
                  <a:lnTo>
                    <a:pt x="2302" y="2845"/>
                  </a:lnTo>
                  <a:lnTo>
                    <a:pt x="2291" y="2864"/>
                  </a:lnTo>
                  <a:lnTo>
                    <a:pt x="2283" y="2868"/>
                  </a:lnTo>
                  <a:lnTo>
                    <a:pt x="2276" y="2868"/>
                  </a:lnTo>
                  <a:lnTo>
                    <a:pt x="2264" y="2872"/>
                  </a:lnTo>
                  <a:lnTo>
                    <a:pt x="2257" y="2876"/>
                  </a:lnTo>
                  <a:lnTo>
                    <a:pt x="2249" y="2879"/>
                  </a:lnTo>
                  <a:lnTo>
                    <a:pt x="2241" y="2883"/>
                  </a:lnTo>
                  <a:lnTo>
                    <a:pt x="2234" y="2887"/>
                  </a:lnTo>
                  <a:lnTo>
                    <a:pt x="2226" y="2891"/>
                  </a:lnTo>
                  <a:lnTo>
                    <a:pt x="2219" y="2891"/>
                  </a:lnTo>
                  <a:lnTo>
                    <a:pt x="2207" y="2895"/>
                  </a:lnTo>
                  <a:lnTo>
                    <a:pt x="2200" y="2898"/>
                  </a:lnTo>
                  <a:lnTo>
                    <a:pt x="2192" y="2898"/>
                  </a:lnTo>
                  <a:lnTo>
                    <a:pt x="2184" y="2902"/>
                  </a:lnTo>
                  <a:lnTo>
                    <a:pt x="2177" y="2902"/>
                  </a:lnTo>
                  <a:lnTo>
                    <a:pt x="2169" y="2906"/>
                  </a:lnTo>
                  <a:lnTo>
                    <a:pt x="2162" y="2910"/>
                  </a:lnTo>
                  <a:lnTo>
                    <a:pt x="2154" y="2910"/>
                  </a:lnTo>
                  <a:lnTo>
                    <a:pt x="2143" y="2914"/>
                  </a:lnTo>
                  <a:lnTo>
                    <a:pt x="2135" y="2917"/>
                  </a:lnTo>
                  <a:lnTo>
                    <a:pt x="2127" y="2917"/>
                  </a:lnTo>
                  <a:lnTo>
                    <a:pt x="2120" y="2921"/>
                  </a:lnTo>
                  <a:lnTo>
                    <a:pt x="2112" y="2921"/>
                  </a:lnTo>
                  <a:lnTo>
                    <a:pt x="2105" y="2925"/>
                  </a:lnTo>
                  <a:lnTo>
                    <a:pt x="2097" y="2929"/>
                  </a:lnTo>
                  <a:lnTo>
                    <a:pt x="2089" y="2929"/>
                  </a:lnTo>
                  <a:lnTo>
                    <a:pt x="2082" y="2933"/>
                  </a:lnTo>
                  <a:lnTo>
                    <a:pt x="2074" y="2933"/>
                  </a:lnTo>
                  <a:lnTo>
                    <a:pt x="2067" y="2936"/>
                  </a:lnTo>
                  <a:lnTo>
                    <a:pt x="2059" y="2936"/>
                  </a:lnTo>
                  <a:lnTo>
                    <a:pt x="2051" y="2940"/>
                  </a:lnTo>
                  <a:lnTo>
                    <a:pt x="2044" y="2944"/>
                  </a:lnTo>
                  <a:lnTo>
                    <a:pt x="2040" y="2944"/>
                  </a:lnTo>
                  <a:lnTo>
                    <a:pt x="2013" y="2948"/>
                  </a:lnTo>
                  <a:lnTo>
                    <a:pt x="1991" y="2955"/>
                  </a:lnTo>
                  <a:lnTo>
                    <a:pt x="1964" y="2959"/>
                  </a:lnTo>
                  <a:lnTo>
                    <a:pt x="1941" y="2963"/>
                  </a:lnTo>
                  <a:lnTo>
                    <a:pt x="1915" y="2967"/>
                  </a:lnTo>
                  <a:lnTo>
                    <a:pt x="1888" y="2971"/>
                  </a:lnTo>
                  <a:lnTo>
                    <a:pt x="1865" y="2974"/>
                  </a:lnTo>
                  <a:lnTo>
                    <a:pt x="1839" y="2978"/>
                  </a:lnTo>
                  <a:lnTo>
                    <a:pt x="1812" y="2982"/>
                  </a:lnTo>
                  <a:lnTo>
                    <a:pt x="1785" y="2982"/>
                  </a:lnTo>
                  <a:lnTo>
                    <a:pt x="1759" y="2986"/>
                  </a:lnTo>
                  <a:lnTo>
                    <a:pt x="1732" y="2990"/>
                  </a:lnTo>
                  <a:lnTo>
                    <a:pt x="1706" y="2990"/>
                  </a:lnTo>
                  <a:lnTo>
                    <a:pt x="1679" y="2993"/>
                  </a:lnTo>
                  <a:lnTo>
                    <a:pt x="1653" y="2993"/>
                  </a:lnTo>
                  <a:lnTo>
                    <a:pt x="1626" y="2997"/>
                  </a:lnTo>
                  <a:lnTo>
                    <a:pt x="1599" y="2997"/>
                  </a:lnTo>
                  <a:lnTo>
                    <a:pt x="1573" y="2997"/>
                  </a:lnTo>
                  <a:lnTo>
                    <a:pt x="1542" y="2997"/>
                  </a:lnTo>
                  <a:lnTo>
                    <a:pt x="1516" y="2997"/>
                  </a:lnTo>
                  <a:lnTo>
                    <a:pt x="1489" y="2997"/>
                  </a:lnTo>
                  <a:lnTo>
                    <a:pt x="1463" y="2997"/>
                  </a:lnTo>
                  <a:lnTo>
                    <a:pt x="1436" y="2997"/>
                  </a:lnTo>
                  <a:lnTo>
                    <a:pt x="1409" y="2997"/>
                  </a:lnTo>
                  <a:lnTo>
                    <a:pt x="1379" y="2993"/>
                  </a:lnTo>
                  <a:lnTo>
                    <a:pt x="1352" y="2993"/>
                  </a:lnTo>
                  <a:lnTo>
                    <a:pt x="1326" y="2990"/>
                  </a:lnTo>
                  <a:lnTo>
                    <a:pt x="1299" y="2990"/>
                  </a:lnTo>
                  <a:lnTo>
                    <a:pt x="1269" y="2986"/>
                  </a:lnTo>
                  <a:lnTo>
                    <a:pt x="1242" y="2982"/>
                  </a:lnTo>
                  <a:lnTo>
                    <a:pt x="1216" y="2978"/>
                  </a:lnTo>
                  <a:lnTo>
                    <a:pt x="1189" y="2978"/>
                  </a:lnTo>
                  <a:lnTo>
                    <a:pt x="1159" y="2974"/>
                  </a:lnTo>
                  <a:lnTo>
                    <a:pt x="1132" y="2971"/>
                  </a:lnTo>
                  <a:lnTo>
                    <a:pt x="1102" y="2963"/>
                  </a:lnTo>
                  <a:lnTo>
                    <a:pt x="1075" y="2959"/>
                  </a:lnTo>
                  <a:lnTo>
                    <a:pt x="1048" y="2955"/>
                  </a:lnTo>
                  <a:lnTo>
                    <a:pt x="1022" y="2952"/>
                  </a:lnTo>
                  <a:lnTo>
                    <a:pt x="995" y="2948"/>
                  </a:lnTo>
                  <a:lnTo>
                    <a:pt x="969" y="2940"/>
                  </a:lnTo>
                  <a:lnTo>
                    <a:pt x="942" y="2936"/>
                  </a:lnTo>
                  <a:lnTo>
                    <a:pt x="916" y="2929"/>
                  </a:lnTo>
                  <a:lnTo>
                    <a:pt x="889" y="2921"/>
                  </a:lnTo>
                  <a:lnTo>
                    <a:pt x="862" y="2917"/>
                  </a:lnTo>
                  <a:lnTo>
                    <a:pt x="836" y="2910"/>
                  </a:lnTo>
                  <a:lnTo>
                    <a:pt x="809" y="2902"/>
                  </a:lnTo>
                  <a:lnTo>
                    <a:pt x="783" y="2898"/>
                  </a:lnTo>
                  <a:lnTo>
                    <a:pt x="760" y="2891"/>
                  </a:lnTo>
                  <a:lnTo>
                    <a:pt x="733" y="2883"/>
                  </a:lnTo>
                  <a:lnTo>
                    <a:pt x="707" y="2872"/>
                  </a:lnTo>
                  <a:lnTo>
                    <a:pt x="680" y="2864"/>
                  </a:lnTo>
                  <a:lnTo>
                    <a:pt x="657" y="2857"/>
                  </a:lnTo>
                  <a:lnTo>
                    <a:pt x="631" y="2849"/>
                  </a:lnTo>
                  <a:lnTo>
                    <a:pt x="604" y="2841"/>
                  </a:lnTo>
                  <a:lnTo>
                    <a:pt x="581" y="2830"/>
                  </a:lnTo>
                  <a:lnTo>
                    <a:pt x="558" y="2822"/>
                  </a:lnTo>
                  <a:lnTo>
                    <a:pt x="532" y="2811"/>
                  </a:lnTo>
                  <a:lnTo>
                    <a:pt x="509" y="2800"/>
                  </a:lnTo>
                  <a:lnTo>
                    <a:pt x="486" y="2792"/>
                  </a:lnTo>
                  <a:lnTo>
                    <a:pt x="463" y="2781"/>
                  </a:lnTo>
                  <a:lnTo>
                    <a:pt x="441" y="2769"/>
                  </a:lnTo>
                  <a:lnTo>
                    <a:pt x="418" y="2758"/>
                  </a:lnTo>
                  <a:lnTo>
                    <a:pt x="399" y="2746"/>
                  </a:lnTo>
                  <a:lnTo>
                    <a:pt x="376" y="2739"/>
                  </a:lnTo>
                  <a:lnTo>
                    <a:pt x="361" y="2727"/>
                  </a:lnTo>
                  <a:lnTo>
                    <a:pt x="346" y="2720"/>
                  </a:lnTo>
                  <a:lnTo>
                    <a:pt x="330" y="2708"/>
                  </a:lnTo>
                  <a:lnTo>
                    <a:pt x="319" y="2701"/>
                  </a:lnTo>
                  <a:lnTo>
                    <a:pt x="304" y="2693"/>
                  </a:lnTo>
                  <a:lnTo>
                    <a:pt x="292" y="2682"/>
                  </a:lnTo>
                  <a:lnTo>
                    <a:pt x="277" y="2674"/>
                  </a:lnTo>
                  <a:lnTo>
                    <a:pt x="270" y="2663"/>
                  </a:lnTo>
                  <a:lnTo>
                    <a:pt x="255" y="2655"/>
                  </a:lnTo>
                  <a:lnTo>
                    <a:pt x="247" y="2644"/>
                  </a:lnTo>
                  <a:lnTo>
                    <a:pt x="236" y="2633"/>
                  </a:lnTo>
                  <a:lnTo>
                    <a:pt x="224" y="2621"/>
                  </a:lnTo>
                  <a:lnTo>
                    <a:pt x="213" y="2610"/>
                  </a:lnTo>
                  <a:lnTo>
                    <a:pt x="205" y="2598"/>
                  </a:lnTo>
                  <a:lnTo>
                    <a:pt x="194" y="2587"/>
                  </a:lnTo>
                  <a:lnTo>
                    <a:pt x="186" y="2579"/>
                  </a:lnTo>
                  <a:lnTo>
                    <a:pt x="179" y="2564"/>
                  </a:lnTo>
                  <a:lnTo>
                    <a:pt x="171" y="2553"/>
                  </a:lnTo>
                  <a:lnTo>
                    <a:pt x="163" y="2541"/>
                  </a:lnTo>
                  <a:lnTo>
                    <a:pt x="156" y="2526"/>
                  </a:lnTo>
                  <a:lnTo>
                    <a:pt x="148" y="2515"/>
                  </a:lnTo>
                  <a:lnTo>
                    <a:pt x="141" y="2503"/>
                  </a:lnTo>
                  <a:lnTo>
                    <a:pt x="137" y="2488"/>
                  </a:lnTo>
                  <a:lnTo>
                    <a:pt x="129" y="2477"/>
                  </a:lnTo>
                  <a:lnTo>
                    <a:pt x="125" y="2465"/>
                  </a:lnTo>
                  <a:lnTo>
                    <a:pt x="118" y="2450"/>
                  </a:lnTo>
                  <a:lnTo>
                    <a:pt x="114" y="2439"/>
                  </a:lnTo>
                  <a:lnTo>
                    <a:pt x="110" y="2424"/>
                  </a:lnTo>
                  <a:lnTo>
                    <a:pt x="106" y="2408"/>
                  </a:lnTo>
                  <a:lnTo>
                    <a:pt x="103" y="2397"/>
                  </a:lnTo>
                  <a:lnTo>
                    <a:pt x="99" y="2382"/>
                  </a:lnTo>
                  <a:lnTo>
                    <a:pt x="95" y="2370"/>
                  </a:lnTo>
                  <a:lnTo>
                    <a:pt x="95" y="2355"/>
                  </a:lnTo>
                  <a:lnTo>
                    <a:pt x="91" y="2340"/>
                  </a:lnTo>
                  <a:lnTo>
                    <a:pt x="87" y="2325"/>
                  </a:lnTo>
                  <a:lnTo>
                    <a:pt x="87" y="2313"/>
                  </a:lnTo>
                  <a:lnTo>
                    <a:pt x="84" y="2298"/>
                  </a:lnTo>
                  <a:lnTo>
                    <a:pt x="84" y="2283"/>
                  </a:lnTo>
                  <a:lnTo>
                    <a:pt x="84" y="2268"/>
                  </a:lnTo>
                  <a:lnTo>
                    <a:pt x="84" y="2256"/>
                  </a:lnTo>
                  <a:lnTo>
                    <a:pt x="84" y="2237"/>
                  </a:lnTo>
                  <a:lnTo>
                    <a:pt x="84" y="2226"/>
                  </a:lnTo>
                  <a:lnTo>
                    <a:pt x="84" y="2211"/>
                  </a:lnTo>
                  <a:lnTo>
                    <a:pt x="84" y="2196"/>
                  </a:lnTo>
                  <a:lnTo>
                    <a:pt x="84" y="2180"/>
                  </a:lnTo>
                  <a:lnTo>
                    <a:pt x="87" y="2165"/>
                  </a:lnTo>
                  <a:lnTo>
                    <a:pt x="87" y="2154"/>
                  </a:lnTo>
                  <a:lnTo>
                    <a:pt x="91" y="2139"/>
                  </a:lnTo>
                  <a:lnTo>
                    <a:pt x="91" y="2123"/>
                  </a:lnTo>
                  <a:lnTo>
                    <a:pt x="95" y="2108"/>
                  </a:lnTo>
                  <a:lnTo>
                    <a:pt x="95" y="2093"/>
                  </a:lnTo>
                  <a:lnTo>
                    <a:pt x="99" y="2078"/>
                  </a:lnTo>
                  <a:lnTo>
                    <a:pt x="103" y="2063"/>
                  </a:lnTo>
                  <a:lnTo>
                    <a:pt x="106" y="2051"/>
                  </a:lnTo>
                  <a:lnTo>
                    <a:pt x="110" y="2036"/>
                  </a:lnTo>
                  <a:lnTo>
                    <a:pt x="114" y="2021"/>
                  </a:lnTo>
                  <a:lnTo>
                    <a:pt x="118" y="2006"/>
                  </a:lnTo>
                  <a:lnTo>
                    <a:pt x="122" y="1990"/>
                  </a:lnTo>
                  <a:lnTo>
                    <a:pt x="125" y="1975"/>
                  </a:lnTo>
                  <a:lnTo>
                    <a:pt x="133" y="1964"/>
                  </a:lnTo>
                  <a:lnTo>
                    <a:pt x="137" y="1949"/>
                  </a:lnTo>
                  <a:lnTo>
                    <a:pt x="141" y="1933"/>
                  </a:lnTo>
                  <a:lnTo>
                    <a:pt x="148" y="1918"/>
                  </a:lnTo>
                  <a:lnTo>
                    <a:pt x="152" y="1907"/>
                  </a:lnTo>
                  <a:lnTo>
                    <a:pt x="156" y="1895"/>
                  </a:lnTo>
                  <a:lnTo>
                    <a:pt x="160" y="1888"/>
                  </a:lnTo>
                  <a:lnTo>
                    <a:pt x="163" y="1876"/>
                  </a:lnTo>
                  <a:lnTo>
                    <a:pt x="167" y="1865"/>
                  </a:lnTo>
                  <a:lnTo>
                    <a:pt x="171" y="1857"/>
                  </a:lnTo>
                  <a:lnTo>
                    <a:pt x="171" y="1850"/>
                  </a:lnTo>
                  <a:lnTo>
                    <a:pt x="179" y="1839"/>
                  </a:lnTo>
                  <a:lnTo>
                    <a:pt x="179" y="1831"/>
                  </a:lnTo>
                  <a:lnTo>
                    <a:pt x="182" y="1820"/>
                  </a:lnTo>
                  <a:lnTo>
                    <a:pt x="186" y="1812"/>
                  </a:lnTo>
                  <a:lnTo>
                    <a:pt x="186" y="1801"/>
                  </a:lnTo>
                  <a:lnTo>
                    <a:pt x="190" y="1793"/>
                  </a:lnTo>
                  <a:lnTo>
                    <a:pt x="194" y="1785"/>
                  </a:lnTo>
                  <a:lnTo>
                    <a:pt x="198" y="1774"/>
                  </a:lnTo>
                  <a:lnTo>
                    <a:pt x="198" y="1766"/>
                  </a:lnTo>
                  <a:lnTo>
                    <a:pt x="201" y="1759"/>
                  </a:lnTo>
                  <a:lnTo>
                    <a:pt x="201" y="1747"/>
                  </a:lnTo>
                  <a:lnTo>
                    <a:pt x="201" y="1736"/>
                  </a:lnTo>
                  <a:lnTo>
                    <a:pt x="205" y="1728"/>
                  </a:lnTo>
                  <a:lnTo>
                    <a:pt x="205" y="1721"/>
                  </a:lnTo>
                  <a:lnTo>
                    <a:pt x="209" y="1709"/>
                  </a:lnTo>
                  <a:lnTo>
                    <a:pt x="209" y="1702"/>
                  </a:lnTo>
                  <a:lnTo>
                    <a:pt x="209" y="1690"/>
                  </a:lnTo>
                  <a:lnTo>
                    <a:pt x="213" y="1683"/>
                  </a:lnTo>
                  <a:lnTo>
                    <a:pt x="213" y="1671"/>
                  </a:lnTo>
                  <a:lnTo>
                    <a:pt x="213" y="1664"/>
                  </a:lnTo>
                  <a:lnTo>
                    <a:pt x="213" y="1652"/>
                  </a:lnTo>
                  <a:lnTo>
                    <a:pt x="217" y="1645"/>
                  </a:lnTo>
                  <a:lnTo>
                    <a:pt x="217" y="1633"/>
                  </a:lnTo>
                  <a:lnTo>
                    <a:pt x="217" y="1626"/>
                  </a:lnTo>
                  <a:lnTo>
                    <a:pt x="217" y="1614"/>
                  </a:lnTo>
                  <a:lnTo>
                    <a:pt x="217" y="1603"/>
                  </a:lnTo>
                  <a:lnTo>
                    <a:pt x="217" y="1595"/>
                  </a:lnTo>
                  <a:lnTo>
                    <a:pt x="217" y="1584"/>
                  </a:lnTo>
                  <a:lnTo>
                    <a:pt x="217" y="1573"/>
                  </a:lnTo>
                  <a:lnTo>
                    <a:pt x="217" y="1561"/>
                  </a:lnTo>
                  <a:lnTo>
                    <a:pt x="217" y="1550"/>
                  </a:lnTo>
                  <a:lnTo>
                    <a:pt x="217" y="1542"/>
                  </a:lnTo>
                  <a:lnTo>
                    <a:pt x="217" y="1531"/>
                  </a:lnTo>
                  <a:lnTo>
                    <a:pt x="220" y="1523"/>
                  </a:lnTo>
                  <a:lnTo>
                    <a:pt x="220" y="1512"/>
                  </a:lnTo>
                  <a:lnTo>
                    <a:pt x="220" y="1500"/>
                  </a:lnTo>
                  <a:lnTo>
                    <a:pt x="220" y="1493"/>
                  </a:lnTo>
                  <a:lnTo>
                    <a:pt x="220" y="1481"/>
                  </a:lnTo>
                  <a:lnTo>
                    <a:pt x="220" y="1474"/>
                  </a:lnTo>
                  <a:lnTo>
                    <a:pt x="224" y="1466"/>
                  </a:lnTo>
                  <a:lnTo>
                    <a:pt x="224" y="1455"/>
                  </a:lnTo>
                  <a:lnTo>
                    <a:pt x="224" y="1447"/>
                  </a:lnTo>
                  <a:lnTo>
                    <a:pt x="224" y="1436"/>
                  </a:lnTo>
                  <a:lnTo>
                    <a:pt x="228" y="1428"/>
                  </a:lnTo>
                  <a:lnTo>
                    <a:pt x="228" y="1421"/>
                  </a:lnTo>
                  <a:lnTo>
                    <a:pt x="232" y="1409"/>
                  </a:lnTo>
                  <a:lnTo>
                    <a:pt x="232" y="1402"/>
                  </a:lnTo>
                  <a:lnTo>
                    <a:pt x="236" y="1394"/>
                  </a:lnTo>
                  <a:lnTo>
                    <a:pt x="236" y="1386"/>
                  </a:lnTo>
                  <a:lnTo>
                    <a:pt x="239" y="1379"/>
                  </a:lnTo>
                  <a:lnTo>
                    <a:pt x="239" y="1367"/>
                  </a:lnTo>
                  <a:lnTo>
                    <a:pt x="243" y="1360"/>
                  </a:lnTo>
                  <a:lnTo>
                    <a:pt x="243" y="1352"/>
                  </a:lnTo>
                  <a:lnTo>
                    <a:pt x="247" y="1345"/>
                  </a:lnTo>
                  <a:lnTo>
                    <a:pt x="251" y="1337"/>
                  </a:lnTo>
                  <a:lnTo>
                    <a:pt x="251" y="1329"/>
                  </a:lnTo>
                  <a:lnTo>
                    <a:pt x="255" y="1322"/>
                  </a:lnTo>
                  <a:lnTo>
                    <a:pt x="258" y="1314"/>
                  </a:lnTo>
                  <a:lnTo>
                    <a:pt x="258" y="1307"/>
                  </a:lnTo>
                  <a:lnTo>
                    <a:pt x="262" y="1295"/>
                  </a:lnTo>
                  <a:lnTo>
                    <a:pt x="266" y="1288"/>
                  </a:lnTo>
                  <a:lnTo>
                    <a:pt x="270" y="1280"/>
                  </a:lnTo>
                  <a:lnTo>
                    <a:pt x="270" y="1272"/>
                  </a:lnTo>
                  <a:lnTo>
                    <a:pt x="274" y="1265"/>
                  </a:lnTo>
                  <a:lnTo>
                    <a:pt x="277" y="1257"/>
                  </a:lnTo>
                  <a:lnTo>
                    <a:pt x="281" y="1250"/>
                  </a:lnTo>
                  <a:lnTo>
                    <a:pt x="285" y="1242"/>
                  </a:lnTo>
                  <a:lnTo>
                    <a:pt x="289" y="1234"/>
                  </a:lnTo>
                  <a:lnTo>
                    <a:pt x="292" y="1227"/>
                  </a:lnTo>
                  <a:lnTo>
                    <a:pt x="296" y="1219"/>
                  </a:lnTo>
                  <a:lnTo>
                    <a:pt x="300" y="1212"/>
                  </a:lnTo>
                  <a:lnTo>
                    <a:pt x="304" y="1204"/>
                  </a:lnTo>
                  <a:lnTo>
                    <a:pt x="308" y="1196"/>
                  </a:lnTo>
                  <a:lnTo>
                    <a:pt x="315" y="1189"/>
                  </a:lnTo>
                  <a:lnTo>
                    <a:pt x="319" y="1181"/>
                  </a:lnTo>
                  <a:lnTo>
                    <a:pt x="323" y="1174"/>
                  </a:lnTo>
                  <a:lnTo>
                    <a:pt x="330" y="1166"/>
                  </a:lnTo>
                  <a:lnTo>
                    <a:pt x="334" y="1158"/>
                  </a:lnTo>
                  <a:lnTo>
                    <a:pt x="338" y="1151"/>
                  </a:lnTo>
                  <a:lnTo>
                    <a:pt x="346" y="1139"/>
                  </a:lnTo>
                  <a:lnTo>
                    <a:pt x="349" y="1132"/>
                  </a:lnTo>
                  <a:lnTo>
                    <a:pt x="353" y="1128"/>
                  </a:lnTo>
                  <a:lnTo>
                    <a:pt x="361" y="1117"/>
                  </a:lnTo>
                  <a:lnTo>
                    <a:pt x="365" y="1109"/>
                  </a:lnTo>
                  <a:lnTo>
                    <a:pt x="372" y="1101"/>
                  </a:lnTo>
                  <a:lnTo>
                    <a:pt x="380" y="1094"/>
                  </a:lnTo>
                  <a:lnTo>
                    <a:pt x="384" y="1086"/>
                  </a:lnTo>
                  <a:lnTo>
                    <a:pt x="391" y="1075"/>
                  </a:lnTo>
                  <a:lnTo>
                    <a:pt x="399" y="1067"/>
                  </a:lnTo>
                  <a:lnTo>
                    <a:pt x="406" y="1060"/>
                  </a:lnTo>
                  <a:lnTo>
                    <a:pt x="410" y="1052"/>
                  </a:lnTo>
                  <a:lnTo>
                    <a:pt x="410" y="1041"/>
                  </a:lnTo>
                  <a:lnTo>
                    <a:pt x="406" y="1029"/>
                  </a:lnTo>
                  <a:lnTo>
                    <a:pt x="403" y="1022"/>
                  </a:lnTo>
                  <a:lnTo>
                    <a:pt x="395" y="1014"/>
                  </a:lnTo>
                  <a:lnTo>
                    <a:pt x="387" y="1014"/>
                  </a:lnTo>
                  <a:lnTo>
                    <a:pt x="376" y="1014"/>
                  </a:lnTo>
                  <a:lnTo>
                    <a:pt x="368" y="1022"/>
                  </a:lnTo>
                  <a:lnTo>
                    <a:pt x="357" y="1033"/>
                  </a:lnTo>
                  <a:lnTo>
                    <a:pt x="346" y="1044"/>
                  </a:lnTo>
                  <a:lnTo>
                    <a:pt x="338" y="1052"/>
                  </a:lnTo>
                  <a:lnTo>
                    <a:pt x="330" y="1063"/>
                  </a:lnTo>
                  <a:lnTo>
                    <a:pt x="319" y="1075"/>
                  </a:lnTo>
                  <a:lnTo>
                    <a:pt x="311" y="1086"/>
                  </a:lnTo>
                  <a:lnTo>
                    <a:pt x="304" y="1098"/>
                  </a:lnTo>
                  <a:lnTo>
                    <a:pt x="296" y="1109"/>
                  </a:lnTo>
                  <a:lnTo>
                    <a:pt x="289" y="1117"/>
                  </a:lnTo>
                  <a:lnTo>
                    <a:pt x="281" y="1128"/>
                  </a:lnTo>
                  <a:lnTo>
                    <a:pt x="274" y="1139"/>
                  </a:lnTo>
                  <a:lnTo>
                    <a:pt x="270" y="1151"/>
                  </a:lnTo>
                  <a:lnTo>
                    <a:pt x="262" y="1162"/>
                  </a:lnTo>
                  <a:lnTo>
                    <a:pt x="255" y="1174"/>
                  </a:lnTo>
                  <a:lnTo>
                    <a:pt x="251" y="1181"/>
                  </a:lnTo>
                  <a:lnTo>
                    <a:pt x="247" y="1193"/>
                  </a:lnTo>
                  <a:lnTo>
                    <a:pt x="239" y="1204"/>
                  </a:lnTo>
                  <a:lnTo>
                    <a:pt x="236" y="1215"/>
                  </a:lnTo>
                  <a:lnTo>
                    <a:pt x="232" y="1223"/>
                  </a:lnTo>
                  <a:lnTo>
                    <a:pt x="228" y="1234"/>
                  </a:lnTo>
                  <a:lnTo>
                    <a:pt x="224" y="1246"/>
                  </a:lnTo>
                  <a:lnTo>
                    <a:pt x="220" y="1257"/>
                  </a:lnTo>
                  <a:lnTo>
                    <a:pt x="217" y="1265"/>
                  </a:lnTo>
                  <a:lnTo>
                    <a:pt x="213" y="1276"/>
                  </a:lnTo>
                  <a:lnTo>
                    <a:pt x="209" y="1288"/>
                  </a:lnTo>
                  <a:lnTo>
                    <a:pt x="205" y="1299"/>
                  </a:lnTo>
                  <a:lnTo>
                    <a:pt x="205" y="1310"/>
                  </a:lnTo>
                  <a:lnTo>
                    <a:pt x="201" y="1318"/>
                  </a:lnTo>
                  <a:lnTo>
                    <a:pt x="198" y="1329"/>
                  </a:lnTo>
                  <a:lnTo>
                    <a:pt x="198" y="1341"/>
                  </a:lnTo>
                  <a:lnTo>
                    <a:pt x="194" y="1352"/>
                  </a:lnTo>
                  <a:lnTo>
                    <a:pt x="194" y="1364"/>
                  </a:lnTo>
                  <a:lnTo>
                    <a:pt x="190" y="1371"/>
                  </a:lnTo>
                  <a:lnTo>
                    <a:pt x="190" y="1383"/>
                  </a:lnTo>
                  <a:lnTo>
                    <a:pt x="186" y="1394"/>
                  </a:lnTo>
                  <a:lnTo>
                    <a:pt x="186" y="1405"/>
                  </a:lnTo>
                  <a:lnTo>
                    <a:pt x="182" y="1417"/>
                  </a:lnTo>
                  <a:lnTo>
                    <a:pt x="182" y="1428"/>
                  </a:lnTo>
                  <a:lnTo>
                    <a:pt x="179" y="1440"/>
                  </a:lnTo>
                  <a:lnTo>
                    <a:pt x="179" y="1451"/>
                  </a:lnTo>
                  <a:lnTo>
                    <a:pt x="179" y="1462"/>
                  </a:lnTo>
                  <a:lnTo>
                    <a:pt x="179" y="1474"/>
                  </a:lnTo>
                  <a:lnTo>
                    <a:pt x="175" y="1481"/>
                  </a:lnTo>
                  <a:lnTo>
                    <a:pt x="175" y="1497"/>
                  </a:lnTo>
                  <a:lnTo>
                    <a:pt x="175" y="1504"/>
                  </a:lnTo>
                  <a:lnTo>
                    <a:pt x="171" y="1519"/>
                  </a:lnTo>
                  <a:lnTo>
                    <a:pt x="171" y="1531"/>
                  </a:lnTo>
                  <a:lnTo>
                    <a:pt x="171" y="1542"/>
                  </a:lnTo>
                  <a:lnTo>
                    <a:pt x="171" y="1554"/>
                  </a:lnTo>
                  <a:lnTo>
                    <a:pt x="167" y="1565"/>
                  </a:lnTo>
                  <a:lnTo>
                    <a:pt x="167" y="1576"/>
                  </a:lnTo>
                  <a:lnTo>
                    <a:pt x="167" y="1588"/>
                  </a:lnTo>
                  <a:lnTo>
                    <a:pt x="163" y="1603"/>
                  </a:lnTo>
                  <a:lnTo>
                    <a:pt x="163" y="1614"/>
                  </a:lnTo>
                  <a:lnTo>
                    <a:pt x="160" y="1626"/>
                  </a:lnTo>
                  <a:lnTo>
                    <a:pt x="160" y="1641"/>
                  </a:lnTo>
                  <a:lnTo>
                    <a:pt x="160" y="1652"/>
                  </a:lnTo>
                  <a:lnTo>
                    <a:pt x="156" y="1668"/>
                  </a:lnTo>
                  <a:lnTo>
                    <a:pt x="152" y="1679"/>
                  </a:lnTo>
                  <a:lnTo>
                    <a:pt x="152" y="1690"/>
                  </a:lnTo>
                  <a:lnTo>
                    <a:pt x="148" y="1706"/>
                  </a:lnTo>
                  <a:lnTo>
                    <a:pt x="148" y="1717"/>
                  </a:lnTo>
                  <a:lnTo>
                    <a:pt x="148" y="1732"/>
                  </a:lnTo>
                  <a:lnTo>
                    <a:pt x="144" y="1747"/>
                  </a:lnTo>
                  <a:lnTo>
                    <a:pt x="141" y="1759"/>
                  </a:lnTo>
                  <a:lnTo>
                    <a:pt x="137" y="1774"/>
                  </a:lnTo>
                  <a:lnTo>
                    <a:pt x="133" y="1785"/>
                  </a:lnTo>
                  <a:lnTo>
                    <a:pt x="133" y="1797"/>
                  </a:lnTo>
                  <a:lnTo>
                    <a:pt x="129" y="1812"/>
                  </a:lnTo>
                  <a:lnTo>
                    <a:pt x="125" y="1823"/>
                  </a:lnTo>
                  <a:lnTo>
                    <a:pt x="122" y="1835"/>
                  </a:lnTo>
                  <a:lnTo>
                    <a:pt x="118" y="1846"/>
                  </a:lnTo>
                  <a:lnTo>
                    <a:pt x="114" y="1857"/>
                  </a:lnTo>
                  <a:lnTo>
                    <a:pt x="110" y="1869"/>
                  </a:lnTo>
                  <a:lnTo>
                    <a:pt x="106" y="1880"/>
                  </a:lnTo>
                  <a:lnTo>
                    <a:pt x="103" y="1895"/>
                  </a:lnTo>
                  <a:lnTo>
                    <a:pt x="99" y="1903"/>
                  </a:lnTo>
                  <a:lnTo>
                    <a:pt x="95" y="1918"/>
                  </a:lnTo>
                  <a:lnTo>
                    <a:pt x="91" y="1930"/>
                  </a:lnTo>
                  <a:lnTo>
                    <a:pt x="87" y="1941"/>
                  </a:lnTo>
                  <a:lnTo>
                    <a:pt x="84" y="1952"/>
                  </a:lnTo>
                  <a:lnTo>
                    <a:pt x="76" y="1964"/>
                  </a:lnTo>
                  <a:lnTo>
                    <a:pt x="72" y="1971"/>
                  </a:lnTo>
                  <a:lnTo>
                    <a:pt x="72" y="1983"/>
                  </a:lnTo>
                  <a:lnTo>
                    <a:pt x="65" y="1994"/>
                  </a:lnTo>
                  <a:lnTo>
                    <a:pt x="61" y="2006"/>
                  </a:lnTo>
                  <a:lnTo>
                    <a:pt x="57" y="2017"/>
                  </a:lnTo>
                  <a:lnTo>
                    <a:pt x="53" y="2028"/>
                  </a:lnTo>
                  <a:lnTo>
                    <a:pt x="49" y="2040"/>
                  </a:lnTo>
                  <a:lnTo>
                    <a:pt x="46" y="2051"/>
                  </a:lnTo>
                  <a:lnTo>
                    <a:pt x="42" y="2063"/>
                  </a:lnTo>
                  <a:lnTo>
                    <a:pt x="38" y="2074"/>
                  </a:lnTo>
                  <a:lnTo>
                    <a:pt x="34" y="2085"/>
                  </a:lnTo>
                  <a:lnTo>
                    <a:pt x="30" y="2097"/>
                  </a:lnTo>
                  <a:lnTo>
                    <a:pt x="30" y="2104"/>
                  </a:lnTo>
                  <a:lnTo>
                    <a:pt x="27" y="2120"/>
                  </a:lnTo>
                  <a:lnTo>
                    <a:pt x="23" y="2131"/>
                  </a:lnTo>
                  <a:lnTo>
                    <a:pt x="19" y="2139"/>
                  </a:lnTo>
                  <a:lnTo>
                    <a:pt x="19" y="2150"/>
                  </a:lnTo>
                  <a:lnTo>
                    <a:pt x="15" y="2161"/>
                  </a:lnTo>
                  <a:lnTo>
                    <a:pt x="11" y="2173"/>
                  </a:lnTo>
                  <a:lnTo>
                    <a:pt x="11" y="2184"/>
                  </a:lnTo>
                  <a:lnTo>
                    <a:pt x="8" y="2196"/>
                  </a:lnTo>
                  <a:lnTo>
                    <a:pt x="8" y="2207"/>
                  </a:lnTo>
                  <a:lnTo>
                    <a:pt x="4" y="2215"/>
                  </a:lnTo>
                  <a:lnTo>
                    <a:pt x="4" y="2226"/>
                  </a:lnTo>
                  <a:lnTo>
                    <a:pt x="4" y="2237"/>
                  </a:lnTo>
                  <a:lnTo>
                    <a:pt x="4" y="2249"/>
                  </a:lnTo>
                  <a:lnTo>
                    <a:pt x="0" y="2260"/>
                  </a:lnTo>
                  <a:lnTo>
                    <a:pt x="0" y="2272"/>
                  </a:lnTo>
                  <a:lnTo>
                    <a:pt x="0" y="2287"/>
                  </a:lnTo>
                  <a:lnTo>
                    <a:pt x="4" y="2298"/>
                  </a:lnTo>
                  <a:lnTo>
                    <a:pt x="4" y="2310"/>
                  </a:lnTo>
                  <a:lnTo>
                    <a:pt x="4" y="2321"/>
                  </a:lnTo>
                  <a:lnTo>
                    <a:pt x="4" y="2332"/>
                  </a:lnTo>
                  <a:lnTo>
                    <a:pt x="8" y="2344"/>
                  </a:lnTo>
                  <a:lnTo>
                    <a:pt x="8" y="2355"/>
                  </a:lnTo>
                  <a:lnTo>
                    <a:pt x="11" y="2370"/>
                  </a:lnTo>
                  <a:lnTo>
                    <a:pt x="15" y="2382"/>
                  </a:lnTo>
                  <a:lnTo>
                    <a:pt x="19" y="2393"/>
                  </a:lnTo>
                  <a:lnTo>
                    <a:pt x="23" y="2408"/>
                  </a:lnTo>
                  <a:lnTo>
                    <a:pt x="27" y="2420"/>
                  </a:lnTo>
                  <a:lnTo>
                    <a:pt x="30" y="2431"/>
                  </a:lnTo>
                  <a:lnTo>
                    <a:pt x="34" y="2446"/>
                  </a:lnTo>
                  <a:lnTo>
                    <a:pt x="42" y="2462"/>
                  </a:lnTo>
                  <a:lnTo>
                    <a:pt x="46" y="2473"/>
                  </a:lnTo>
                  <a:lnTo>
                    <a:pt x="53" y="2488"/>
                  </a:lnTo>
                  <a:lnTo>
                    <a:pt x="61" y="2503"/>
                  </a:lnTo>
                  <a:lnTo>
                    <a:pt x="72" y="2526"/>
                  </a:lnTo>
                  <a:lnTo>
                    <a:pt x="84" y="2549"/>
                  </a:lnTo>
                  <a:lnTo>
                    <a:pt x="95" y="2572"/>
                  </a:lnTo>
                  <a:lnTo>
                    <a:pt x="110" y="2595"/>
                  </a:lnTo>
                  <a:lnTo>
                    <a:pt x="125" y="2614"/>
                  </a:lnTo>
                  <a:lnTo>
                    <a:pt x="141" y="2636"/>
                  </a:lnTo>
                  <a:lnTo>
                    <a:pt x="160" y="2655"/>
                  </a:lnTo>
                  <a:lnTo>
                    <a:pt x="179" y="2674"/>
                  </a:lnTo>
                  <a:lnTo>
                    <a:pt x="194" y="2693"/>
                  </a:lnTo>
                  <a:lnTo>
                    <a:pt x="213" y="2712"/>
                  </a:lnTo>
                  <a:lnTo>
                    <a:pt x="232" y="2727"/>
                  </a:lnTo>
                  <a:lnTo>
                    <a:pt x="251" y="2746"/>
                  </a:lnTo>
                  <a:lnTo>
                    <a:pt x="274" y="2762"/>
                  </a:lnTo>
                  <a:lnTo>
                    <a:pt x="292" y="2781"/>
                  </a:lnTo>
                  <a:lnTo>
                    <a:pt x="315" y="2792"/>
                  </a:lnTo>
                  <a:lnTo>
                    <a:pt x="338" y="2811"/>
                  </a:lnTo>
                  <a:lnTo>
                    <a:pt x="357" y="2822"/>
                  </a:lnTo>
                  <a:lnTo>
                    <a:pt x="384" y="2838"/>
                  </a:lnTo>
                  <a:lnTo>
                    <a:pt x="406" y="2849"/>
                  </a:lnTo>
                  <a:lnTo>
                    <a:pt x="429" y="2864"/>
                  </a:lnTo>
                  <a:lnTo>
                    <a:pt x="452" y="2872"/>
                  </a:lnTo>
                  <a:lnTo>
                    <a:pt x="479" y="2887"/>
                  </a:lnTo>
                  <a:lnTo>
                    <a:pt x="505" y="2898"/>
                  </a:lnTo>
                  <a:lnTo>
                    <a:pt x="532" y="2910"/>
                  </a:lnTo>
                  <a:lnTo>
                    <a:pt x="555" y="2917"/>
                  </a:lnTo>
                  <a:lnTo>
                    <a:pt x="581" y="2929"/>
                  </a:lnTo>
                  <a:lnTo>
                    <a:pt x="608" y="2936"/>
                  </a:lnTo>
                  <a:lnTo>
                    <a:pt x="634" y="2948"/>
                  </a:lnTo>
                  <a:lnTo>
                    <a:pt x="661" y="2955"/>
                  </a:lnTo>
                  <a:lnTo>
                    <a:pt x="688" y="2963"/>
                  </a:lnTo>
                  <a:lnTo>
                    <a:pt x="718" y="2971"/>
                  </a:lnTo>
                  <a:lnTo>
                    <a:pt x="745" y="2978"/>
                  </a:lnTo>
                  <a:lnTo>
                    <a:pt x="771" y="2986"/>
                  </a:lnTo>
                  <a:lnTo>
                    <a:pt x="802" y="2990"/>
                  </a:lnTo>
                  <a:lnTo>
                    <a:pt x="828" y="2997"/>
                  </a:lnTo>
                  <a:lnTo>
                    <a:pt x="859" y="3001"/>
                  </a:lnTo>
                  <a:lnTo>
                    <a:pt x="885" y="3009"/>
                  </a:lnTo>
                  <a:lnTo>
                    <a:pt x="916" y="3012"/>
                  </a:lnTo>
                  <a:lnTo>
                    <a:pt x="946" y="3016"/>
                  </a:lnTo>
                  <a:lnTo>
                    <a:pt x="973" y="3024"/>
                  </a:lnTo>
                  <a:lnTo>
                    <a:pt x="999" y="3024"/>
                  </a:lnTo>
                  <a:lnTo>
                    <a:pt x="1029" y="3031"/>
                  </a:lnTo>
                  <a:lnTo>
                    <a:pt x="1060" y="3031"/>
                  </a:lnTo>
                  <a:lnTo>
                    <a:pt x="1086" y="3035"/>
                  </a:lnTo>
                  <a:lnTo>
                    <a:pt x="1117" y="3039"/>
                  </a:lnTo>
                  <a:lnTo>
                    <a:pt x="1143" y="3043"/>
                  </a:lnTo>
                  <a:lnTo>
                    <a:pt x="1174" y="3043"/>
                  </a:lnTo>
                  <a:lnTo>
                    <a:pt x="1204" y="3047"/>
                  </a:lnTo>
                  <a:lnTo>
                    <a:pt x="1227" y="3050"/>
                  </a:lnTo>
                  <a:lnTo>
                    <a:pt x="1257" y="3050"/>
                  </a:lnTo>
                  <a:lnTo>
                    <a:pt x="1284" y="3050"/>
                  </a:lnTo>
                  <a:lnTo>
                    <a:pt x="1314" y="3054"/>
                  </a:lnTo>
                  <a:lnTo>
                    <a:pt x="1341" y="3054"/>
                  </a:lnTo>
                  <a:lnTo>
                    <a:pt x="1368" y="3054"/>
                  </a:lnTo>
                  <a:lnTo>
                    <a:pt x="1394" y="3054"/>
                  </a:lnTo>
                  <a:lnTo>
                    <a:pt x="1421" y="3058"/>
                  </a:lnTo>
                  <a:lnTo>
                    <a:pt x="1447" y="3058"/>
                  </a:lnTo>
                  <a:lnTo>
                    <a:pt x="1474" y="3058"/>
                  </a:lnTo>
                  <a:lnTo>
                    <a:pt x="1501" y="3058"/>
                  </a:lnTo>
                  <a:lnTo>
                    <a:pt x="1527" y="3058"/>
                  </a:lnTo>
                  <a:lnTo>
                    <a:pt x="1550" y="3058"/>
                  </a:lnTo>
                  <a:lnTo>
                    <a:pt x="1577" y="3058"/>
                  </a:lnTo>
                  <a:lnTo>
                    <a:pt x="1599" y="3058"/>
                  </a:lnTo>
                  <a:lnTo>
                    <a:pt x="1622" y="3058"/>
                  </a:lnTo>
                  <a:lnTo>
                    <a:pt x="1645" y="3058"/>
                  </a:lnTo>
                  <a:lnTo>
                    <a:pt x="1668" y="3054"/>
                  </a:lnTo>
                  <a:lnTo>
                    <a:pt x="1691" y="3054"/>
                  </a:lnTo>
                  <a:lnTo>
                    <a:pt x="1717" y="3054"/>
                  </a:lnTo>
                  <a:lnTo>
                    <a:pt x="1740" y="3054"/>
                  </a:lnTo>
                  <a:lnTo>
                    <a:pt x="1763" y="3050"/>
                  </a:lnTo>
                  <a:lnTo>
                    <a:pt x="1789" y="3050"/>
                  </a:lnTo>
                  <a:lnTo>
                    <a:pt x="1816" y="3047"/>
                  </a:lnTo>
                  <a:lnTo>
                    <a:pt x="1839" y="3043"/>
                  </a:lnTo>
                  <a:lnTo>
                    <a:pt x="1865" y="3043"/>
                  </a:lnTo>
                  <a:lnTo>
                    <a:pt x="1888" y="3039"/>
                  </a:lnTo>
                  <a:lnTo>
                    <a:pt x="1915" y="3035"/>
                  </a:lnTo>
                  <a:lnTo>
                    <a:pt x="1941" y="3031"/>
                  </a:lnTo>
                  <a:lnTo>
                    <a:pt x="1968" y="3031"/>
                  </a:lnTo>
                  <a:lnTo>
                    <a:pt x="1994" y="3024"/>
                  </a:lnTo>
                  <a:lnTo>
                    <a:pt x="2021" y="3024"/>
                  </a:lnTo>
                  <a:lnTo>
                    <a:pt x="2048" y="3016"/>
                  </a:lnTo>
                  <a:lnTo>
                    <a:pt x="2074" y="3012"/>
                  </a:lnTo>
                  <a:lnTo>
                    <a:pt x="2101" y="3005"/>
                  </a:lnTo>
                  <a:lnTo>
                    <a:pt x="2127" y="3001"/>
                  </a:lnTo>
                  <a:lnTo>
                    <a:pt x="2154" y="2993"/>
                  </a:lnTo>
                  <a:lnTo>
                    <a:pt x="2181" y="2990"/>
                  </a:lnTo>
                  <a:lnTo>
                    <a:pt x="2207" y="2982"/>
                  </a:lnTo>
                  <a:lnTo>
                    <a:pt x="2234" y="2974"/>
                  </a:lnTo>
                  <a:lnTo>
                    <a:pt x="2260" y="2967"/>
                  </a:lnTo>
                  <a:lnTo>
                    <a:pt x="2287" y="2959"/>
                  </a:lnTo>
                  <a:lnTo>
                    <a:pt x="2310" y="2952"/>
                  </a:lnTo>
                  <a:lnTo>
                    <a:pt x="2336" y="2944"/>
                  </a:lnTo>
                  <a:lnTo>
                    <a:pt x="2363" y="2933"/>
                  </a:lnTo>
                  <a:lnTo>
                    <a:pt x="2390" y="2925"/>
                  </a:lnTo>
                  <a:lnTo>
                    <a:pt x="2412" y="2914"/>
                  </a:lnTo>
                  <a:lnTo>
                    <a:pt x="2439" y="2906"/>
                  </a:lnTo>
                  <a:lnTo>
                    <a:pt x="2462" y="2895"/>
                  </a:lnTo>
                  <a:lnTo>
                    <a:pt x="2484" y="2883"/>
                  </a:lnTo>
                  <a:lnTo>
                    <a:pt x="2511" y="2872"/>
                  </a:lnTo>
                  <a:lnTo>
                    <a:pt x="2534" y="2860"/>
                  </a:lnTo>
                  <a:lnTo>
                    <a:pt x="2557" y="2845"/>
                  </a:lnTo>
                  <a:lnTo>
                    <a:pt x="2579" y="2834"/>
                  </a:lnTo>
                  <a:lnTo>
                    <a:pt x="2602" y="2822"/>
                  </a:lnTo>
                  <a:lnTo>
                    <a:pt x="2625" y="2807"/>
                  </a:lnTo>
                  <a:lnTo>
                    <a:pt x="2644" y="2792"/>
                  </a:lnTo>
                  <a:lnTo>
                    <a:pt x="2667" y="2777"/>
                  </a:lnTo>
                  <a:lnTo>
                    <a:pt x="2686" y="2762"/>
                  </a:lnTo>
                  <a:lnTo>
                    <a:pt x="2705" y="2746"/>
                  </a:lnTo>
                  <a:lnTo>
                    <a:pt x="2724" y="2731"/>
                  </a:lnTo>
                  <a:lnTo>
                    <a:pt x="2743" y="2716"/>
                  </a:lnTo>
                  <a:lnTo>
                    <a:pt x="2762" y="2697"/>
                  </a:lnTo>
                  <a:lnTo>
                    <a:pt x="2777" y="2682"/>
                  </a:lnTo>
                  <a:lnTo>
                    <a:pt x="2796" y="2659"/>
                  </a:lnTo>
                  <a:lnTo>
                    <a:pt x="2811" y="2640"/>
                  </a:lnTo>
                  <a:lnTo>
                    <a:pt x="2823" y="2621"/>
                  </a:lnTo>
                  <a:lnTo>
                    <a:pt x="2842" y="2602"/>
                  </a:lnTo>
                  <a:lnTo>
                    <a:pt x="2853" y="2579"/>
                  </a:lnTo>
                  <a:lnTo>
                    <a:pt x="2864" y="2560"/>
                  </a:lnTo>
                  <a:lnTo>
                    <a:pt x="2876" y="2538"/>
                  </a:lnTo>
                  <a:lnTo>
                    <a:pt x="2891" y="2519"/>
                  </a:lnTo>
                  <a:lnTo>
                    <a:pt x="2899" y="2492"/>
                  </a:lnTo>
                  <a:lnTo>
                    <a:pt x="2910" y="2469"/>
                  </a:lnTo>
                  <a:lnTo>
                    <a:pt x="2918" y="2446"/>
                  </a:lnTo>
                  <a:lnTo>
                    <a:pt x="2925" y="2424"/>
                  </a:lnTo>
                  <a:lnTo>
                    <a:pt x="2933" y="2397"/>
                  </a:lnTo>
                  <a:lnTo>
                    <a:pt x="2937" y="2370"/>
                  </a:lnTo>
                  <a:lnTo>
                    <a:pt x="2944" y="2344"/>
                  </a:lnTo>
                  <a:lnTo>
                    <a:pt x="2948" y="2317"/>
                  </a:lnTo>
                  <a:lnTo>
                    <a:pt x="2948" y="2302"/>
                  </a:lnTo>
                  <a:lnTo>
                    <a:pt x="2948" y="2291"/>
                  </a:lnTo>
                  <a:lnTo>
                    <a:pt x="2948" y="2275"/>
                  </a:lnTo>
                  <a:lnTo>
                    <a:pt x="2952" y="2264"/>
                  </a:lnTo>
                  <a:lnTo>
                    <a:pt x="2952" y="2249"/>
                  </a:lnTo>
                  <a:lnTo>
                    <a:pt x="2952" y="2234"/>
                  </a:lnTo>
                  <a:lnTo>
                    <a:pt x="2952" y="2222"/>
                  </a:lnTo>
                  <a:lnTo>
                    <a:pt x="2956" y="2207"/>
                  </a:lnTo>
                  <a:lnTo>
                    <a:pt x="2956" y="2192"/>
                  </a:lnTo>
                  <a:lnTo>
                    <a:pt x="2956" y="2180"/>
                  </a:lnTo>
                  <a:lnTo>
                    <a:pt x="2956" y="2165"/>
                  </a:lnTo>
                  <a:lnTo>
                    <a:pt x="2956" y="2154"/>
                  </a:lnTo>
                  <a:lnTo>
                    <a:pt x="2956" y="2139"/>
                  </a:lnTo>
                  <a:lnTo>
                    <a:pt x="2956" y="2127"/>
                  </a:lnTo>
                  <a:lnTo>
                    <a:pt x="2956" y="2112"/>
                  </a:lnTo>
                  <a:lnTo>
                    <a:pt x="2956" y="2101"/>
                  </a:lnTo>
                  <a:lnTo>
                    <a:pt x="2952" y="2085"/>
                  </a:lnTo>
                  <a:lnTo>
                    <a:pt x="2952" y="2070"/>
                  </a:lnTo>
                  <a:lnTo>
                    <a:pt x="2952" y="2059"/>
                  </a:lnTo>
                  <a:lnTo>
                    <a:pt x="2952" y="2044"/>
                  </a:lnTo>
                  <a:lnTo>
                    <a:pt x="2948" y="2028"/>
                  </a:lnTo>
                  <a:lnTo>
                    <a:pt x="2948" y="2017"/>
                  </a:lnTo>
                  <a:lnTo>
                    <a:pt x="2948" y="2002"/>
                  </a:lnTo>
                  <a:lnTo>
                    <a:pt x="2948" y="1990"/>
                  </a:lnTo>
                  <a:lnTo>
                    <a:pt x="2944" y="1975"/>
                  </a:lnTo>
                  <a:lnTo>
                    <a:pt x="2944" y="1964"/>
                  </a:lnTo>
                  <a:lnTo>
                    <a:pt x="2944" y="1949"/>
                  </a:lnTo>
                  <a:lnTo>
                    <a:pt x="2944" y="1937"/>
                  </a:lnTo>
                  <a:lnTo>
                    <a:pt x="2940" y="1922"/>
                  </a:lnTo>
                  <a:lnTo>
                    <a:pt x="2940" y="1907"/>
                  </a:lnTo>
                  <a:lnTo>
                    <a:pt x="2937" y="1895"/>
                  </a:lnTo>
                  <a:lnTo>
                    <a:pt x="2937" y="1884"/>
                  </a:lnTo>
                  <a:lnTo>
                    <a:pt x="2933" y="1869"/>
                  </a:lnTo>
                  <a:lnTo>
                    <a:pt x="2933" y="1854"/>
                  </a:lnTo>
                  <a:lnTo>
                    <a:pt x="2929" y="1842"/>
                  </a:lnTo>
                  <a:lnTo>
                    <a:pt x="2925" y="1827"/>
                  </a:lnTo>
                  <a:lnTo>
                    <a:pt x="2925" y="1816"/>
                  </a:lnTo>
                  <a:lnTo>
                    <a:pt x="2921" y="1801"/>
                  </a:lnTo>
                  <a:lnTo>
                    <a:pt x="2921" y="1789"/>
                  </a:lnTo>
                  <a:lnTo>
                    <a:pt x="2918" y="1774"/>
                  </a:lnTo>
                  <a:lnTo>
                    <a:pt x="2914" y="1759"/>
                  </a:lnTo>
                  <a:lnTo>
                    <a:pt x="2914" y="1747"/>
                  </a:lnTo>
                  <a:lnTo>
                    <a:pt x="2910" y="1732"/>
                  </a:lnTo>
                  <a:lnTo>
                    <a:pt x="2906" y="1721"/>
                  </a:lnTo>
                  <a:lnTo>
                    <a:pt x="2902" y="1706"/>
                  </a:lnTo>
                  <a:lnTo>
                    <a:pt x="2902" y="1690"/>
                  </a:lnTo>
                  <a:lnTo>
                    <a:pt x="2899" y="1679"/>
                  </a:lnTo>
                  <a:lnTo>
                    <a:pt x="2899" y="1668"/>
                  </a:lnTo>
                  <a:lnTo>
                    <a:pt x="2895" y="1652"/>
                  </a:lnTo>
                  <a:lnTo>
                    <a:pt x="2891" y="1637"/>
                  </a:lnTo>
                  <a:lnTo>
                    <a:pt x="2887" y="1626"/>
                  </a:lnTo>
                  <a:lnTo>
                    <a:pt x="2887" y="1611"/>
                  </a:lnTo>
                  <a:lnTo>
                    <a:pt x="2883" y="1599"/>
                  </a:lnTo>
                  <a:lnTo>
                    <a:pt x="2880" y="1584"/>
                  </a:lnTo>
                  <a:lnTo>
                    <a:pt x="2876" y="1573"/>
                  </a:lnTo>
                  <a:lnTo>
                    <a:pt x="2872" y="1557"/>
                  </a:lnTo>
                  <a:lnTo>
                    <a:pt x="2872" y="1546"/>
                  </a:lnTo>
                  <a:lnTo>
                    <a:pt x="2868" y="1531"/>
                  </a:lnTo>
                  <a:lnTo>
                    <a:pt x="2864" y="1519"/>
                  </a:lnTo>
                  <a:lnTo>
                    <a:pt x="2861" y="1504"/>
                  </a:lnTo>
                  <a:lnTo>
                    <a:pt x="2857" y="1493"/>
                  </a:lnTo>
                  <a:lnTo>
                    <a:pt x="2853" y="1478"/>
                  </a:lnTo>
                  <a:lnTo>
                    <a:pt x="2853" y="1466"/>
                  </a:lnTo>
                  <a:lnTo>
                    <a:pt x="2849" y="1455"/>
                  </a:lnTo>
                  <a:lnTo>
                    <a:pt x="2849" y="1455"/>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7" name="Freeform 25"/>
            <p:cNvSpPr>
              <a:spLocks/>
            </p:cNvSpPr>
            <p:nvPr/>
          </p:nvSpPr>
          <p:spPr bwMode="auto">
            <a:xfrm>
              <a:off x="1558" y="2743"/>
              <a:ext cx="1710" cy="924"/>
            </a:xfrm>
            <a:custGeom>
              <a:avLst/>
              <a:gdLst/>
              <a:ahLst/>
              <a:cxnLst>
                <a:cxn ang="0">
                  <a:pos x="1562" y="209"/>
                </a:cxn>
                <a:cxn ang="0">
                  <a:pos x="1429" y="187"/>
                </a:cxn>
                <a:cxn ang="0">
                  <a:pos x="1296" y="168"/>
                </a:cxn>
                <a:cxn ang="0">
                  <a:pos x="1163" y="152"/>
                </a:cxn>
                <a:cxn ang="0">
                  <a:pos x="1030" y="141"/>
                </a:cxn>
                <a:cxn ang="0">
                  <a:pos x="863" y="122"/>
                </a:cxn>
                <a:cxn ang="0">
                  <a:pos x="684" y="99"/>
                </a:cxn>
                <a:cxn ang="0">
                  <a:pos x="510" y="76"/>
                </a:cxn>
                <a:cxn ang="0">
                  <a:pos x="335" y="54"/>
                </a:cxn>
                <a:cxn ang="0">
                  <a:pos x="209" y="50"/>
                </a:cxn>
                <a:cxn ang="0">
                  <a:pos x="434" y="107"/>
                </a:cxn>
                <a:cxn ang="0">
                  <a:pos x="650" y="149"/>
                </a:cxn>
                <a:cxn ang="0">
                  <a:pos x="870" y="175"/>
                </a:cxn>
                <a:cxn ang="0">
                  <a:pos x="1098" y="194"/>
                </a:cxn>
                <a:cxn ang="0">
                  <a:pos x="1285" y="209"/>
                </a:cxn>
                <a:cxn ang="0">
                  <a:pos x="1425" y="221"/>
                </a:cxn>
                <a:cxn ang="0">
                  <a:pos x="1516" y="263"/>
                </a:cxn>
                <a:cxn ang="0">
                  <a:pos x="1459" y="395"/>
                </a:cxn>
                <a:cxn ang="0">
                  <a:pos x="1429" y="536"/>
                </a:cxn>
                <a:cxn ang="0">
                  <a:pos x="1364" y="642"/>
                </a:cxn>
                <a:cxn ang="0">
                  <a:pos x="1212" y="677"/>
                </a:cxn>
                <a:cxn ang="0">
                  <a:pos x="1030" y="673"/>
                </a:cxn>
                <a:cxn ang="0">
                  <a:pos x="870" y="658"/>
                </a:cxn>
                <a:cxn ang="0">
                  <a:pos x="756" y="654"/>
                </a:cxn>
                <a:cxn ang="0">
                  <a:pos x="620" y="639"/>
                </a:cxn>
                <a:cxn ang="0">
                  <a:pos x="494" y="612"/>
                </a:cxn>
                <a:cxn ang="0">
                  <a:pos x="369" y="578"/>
                </a:cxn>
                <a:cxn ang="0">
                  <a:pos x="244" y="540"/>
                </a:cxn>
                <a:cxn ang="0">
                  <a:pos x="130" y="490"/>
                </a:cxn>
                <a:cxn ang="0">
                  <a:pos x="61" y="376"/>
                </a:cxn>
                <a:cxn ang="0">
                  <a:pos x="88" y="240"/>
                </a:cxn>
                <a:cxn ang="0">
                  <a:pos x="88" y="130"/>
                </a:cxn>
                <a:cxn ang="0">
                  <a:pos x="137" y="31"/>
                </a:cxn>
                <a:cxn ang="0">
                  <a:pos x="65" y="8"/>
                </a:cxn>
                <a:cxn ang="0">
                  <a:pos x="42" y="122"/>
                </a:cxn>
                <a:cxn ang="0">
                  <a:pos x="16" y="244"/>
                </a:cxn>
                <a:cxn ang="0">
                  <a:pos x="0" y="361"/>
                </a:cxn>
                <a:cxn ang="0">
                  <a:pos x="23" y="479"/>
                </a:cxn>
                <a:cxn ang="0">
                  <a:pos x="130" y="551"/>
                </a:cxn>
                <a:cxn ang="0">
                  <a:pos x="255" y="604"/>
                </a:cxn>
                <a:cxn ang="0">
                  <a:pos x="392" y="642"/>
                </a:cxn>
                <a:cxn ang="0">
                  <a:pos x="525" y="673"/>
                </a:cxn>
                <a:cxn ang="0">
                  <a:pos x="643" y="692"/>
                </a:cxn>
                <a:cxn ang="0">
                  <a:pos x="741" y="696"/>
                </a:cxn>
                <a:cxn ang="0">
                  <a:pos x="840" y="696"/>
                </a:cxn>
                <a:cxn ang="0">
                  <a:pos x="935" y="692"/>
                </a:cxn>
                <a:cxn ang="0">
                  <a:pos x="1034" y="692"/>
                </a:cxn>
                <a:cxn ang="0">
                  <a:pos x="1190" y="707"/>
                </a:cxn>
                <a:cxn ang="0">
                  <a:pos x="1345" y="707"/>
                </a:cxn>
                <a:cxn ang="0">
                  <a:pos x="1452" y="646"/>
                </a:cxn>
                <a:cxn ang="0">
                  <a:pos x="1516" y="506"/>
                </a:cxn>
                <a:cxn ang="0">
                  <a:pos x="1592" y="369"/>
                </a:cxn>
                <a:cxn ang="0">
                  <a:pos x="1645" y="388"/>
                </a:cxn>
                <a:cxn ang="0">
                  <a:pos x="1642" y="502"/>
                </a:cxn>
                <a:cxn ang="0">
                  <a:pos x="1638" y="604"/>
                </a:cxn>
                <a:cxn ang="0">
                  <a:pos x="1645" y="707"/>
                </a:cxn>
                <a:cxn ang="0">
                  <a:pos x="1661" y="810"/>
                </a:cxn>
                <a:cxn ang="0">
                  <a:pos x="1691" y="908"/>
                </a:cxn>
                <a:cxn ang="0">
                  <a:pos x="1695" y="821"/>
                </a:cxn>
                <a:cxn ang="0">
                  <a:pos x="1687" y="684"/>
                </a:cxn>
                <a:cxn ang="0">
                  <a:pos x="1687" y="551"/>
                </a:cxn>
                <a:cxn ang="0">
                  <a:pos x="1683" y="414"/>
                </a:cxn>
                <a:cxn ang="0">
                  <a:pos x="1676" y="293"/>
                </a:cxn>
              </a:cxnLst>
              <a:rect l="0" t="0" r="r" b="b"/>
              <a:pathLst>
                <a:path w="1710" h="924">
                  <a:moveTo>
                    <a:pt x="1676" y="293"/>
                  </a:moveTo>
                  <a:lnTo>
                    <a:pt x="1672" y="282"/>
                  </a:lnTo>
                  <a:lnTo>
                    <a:pt x="1668" y="270"/>
                  </a:lnTo>
                  <a:lnTo>
                    <a:pt x="1657" y="259"/>
                  </a:lnTo>
                  <a:lnTo>
                    <a:pt x="1649" y="247"/>
                  </a:lnTo>
                  <a:lnTo>
                    <a:pt x="1642" y="236"/>
                  </a:lnTo>
                  <a:lnTo>
                    <a:pt x="1630" y="232"/>
                  </a:lnTo>
                  <a:lnTo>
                    <a:pt x="1619" y="225"/>
                  </a:lnTo>
                  <a:lnTo>
                    <a:pt x="1611" y="221"/>
                  </a:lnTo>
                  <a:lnTo>
                    <a:pt x="1600" y="217"/>
                  </a:lnTo>
                  <a:lnTo>
                    <a:pt x="1592" y="217"/>
                  </a:lnTo>
                  <a:lnTo>
                    <a:pt x="1581" y="213"/>
                  </a:lnTo>
                  <a:lnTo>
                    <a:pt x="1573" y="213"/>
                  </a:lnTo>
                  <a:lnTo>
                    <a:pt x="1562" y="209"/>
                  </a:lnTo>
                  <a:lnTo>
                    <a:pt x="1554" y="209"/>
                  </a:lnTo>
                  <a:lnTo>
                    <a:pt x="1543" y="206"/>
                  </a:lnTo>
                  <a:lnTo>
                    <a:pt x="1535" y="206"/>
                  </a:lnTo>
                  <a:lnTo>
                    <a:pt x="1524" y="202"/>
                  </a:lnTo>
                  <a:lnTo>
                    <a:pt x="1516" y="202"/>
                  </a:lnTo>
                  <a:lnTo>
                    <a:pt x="1505" y="198"/>
                  </a:lnTo>
                  <a:lnTo>
                    <a:pt x="1497" y="198"/>
                  </a:lnTo>
                  <a:lnTo>
                    <a:pt x="1486" y="194"/>
                  </a:lnTo>
                  <a:lnTo>
                    <a:pt x="1478" y="194"/>
                  </a:lnTo>
                  <a:lnTo>
                    <a:pt x="1467" y="190"/>
                  </a:lnTo>
                  <a:lnTo>
                    <a:pt x="1459" y="190"/>
                  </a:lnTo>
                  <a:lnTo>
                    <a:pt x="1448" y="190"/>
                  </a:lnTo>
                  <a:lnTo>
                    <a:pt x="1440" y="187"/>
                  </a:lnTo>
                  <a:lnTo>
                    <a:pt x="1429" y="187"/>
                  </a:lnTo>
                  <a:lnTo>
                    <a:pt x="1421" y="183"/>
                  </a:lnTo>
                  <a:lnTo>
                    <a:pt x="1410" y="183"/>
                  </a:lnTo>
                  <a:lnTo>
                    <a:pt x="1402" y="183"/>
                  </a:lnTo>
                  <a:lnTo>
                    <a:pt x="1391" y="179"/>
                  </a:lnTo>
                  <a:lnTo>
                    <a:pt x="1383" y="179"/>
                  </a:lnTo>
                  <a:lnTo>
                    <a:pt x="1372" y="179"/>
                  </a:lnTo>
                  <a:lnTo>
                    <a:pt x="1364" y="175"/>
                  </a:lnTo>
                  <a:lnTo>
                    <a:pt x="1353" y="175"/>
                  </a:lnTo>
                  <a:lnTo>
                    <a:pt x="1345" y="175"/>
                  </a:lnTo>
                  <a:lnTo>
                    <a:pt x="1334" y="171"/>
                  </a:lnTo>
                  <a:lnTo>
                    <a:pt x="1326" y="171"/>
                  </a:lnTo>
                  <a:lnTo>
                    <a:pt x="1315" y="171"/>
                  </a:lnTo>
                  <a:lnTo>
                    <a:pt x="1307" y="171"/>
                  </a:lnTo>
                  <a:lnTo>
                    <a:pt x="1296" y="168"/>
                  </a:lnTo>
                  <a:lnTo>
                    <a:pt x="1288" y="168"/>
                  </a:lnTo>
                  <a:lnTo>
                    <a:pt x="1277" y="164"/>
                  </a:lnTo>
                  <a:lnTo>
                    <a:pt x="1269" y="164"/>
                  </a:lnTo>
                  <a:lnTo>
                    <a:pt x="1258" y="164"/>
                  </a:lnTo>
                  <a:lnTo>
                    <a:pt x="1250" y="160"/>
                  </a:lnTo>
                  <a:lnTo>
                    <a:pt x="1239" y="160"/>
                  </a:lnTo>
                  <a:lnTo>
                    <a:pt x="1231" y="160"/>
                  </a:lnTo>
                  <a:lnTo>
                    <a:pt x="1220" y="156"/>
                  </a:lnTo>
                  <a:lnTo>
                    <a:pt x="1212" y="156"/>
                  </a:lnTo>
                  <a:lnTo>
                    <a:pt x="1201" y="156"/>
                  </a:lnTo>
                  <a:lnTo>
                    <a:pt x="1193" y="156"/>
                  </a:lnTo>
                  <a:lnTo>
                    <a:pt x="1182" y="152"/>
                  </a:lnTo>
                  <a:lnTo>
                    <a:pt x="1174" y="152"/>
                  </a:lnTo>
                  <a:lnTo>
                    <a:pt x="1163" y="152"/>
                  </a:lnTo>
                  <a:lnTo>
                    <a:pt x="1155" y="152"/>
                  </a:lnTo>
                  <a:lnTo>
                    <a:pt x="1144" y="152"/>
                  </a:lnTo>
                  <a:lnTo>
                    <a:pt x="1136" y="149"/>
                  </a:lnTo>
                  <a:lnTo>
                    <a:pt x="1125" y="149"/>
                  </a:lnTo>
                  <a:lnTo>
                    <a:pt x="1117" y="149"/>
                  </a:lnTo>
                  <a:lnTo>
                    <a:pt x="1106" y="149"/>
                  </a:lnTo>
                  <a:lnTo>
                    <a:pt x="1098" y="145"/>
                  </a:lnTo>
                  <a:lnTo>
                    <a:pt x="1087" y="145"/>
                  </a:lnTo>
                  <a:lnTo>
                    <a:pt x="1079" y="145"/>
                  </a:lnTo>
                  <a:lnTo>
                    <a:pt x="1068" y="145"/>
                  </a:lnTo>
                  <a:lnTo>
                    <a:pt x="1060" y="141"/>
                  </a:lnTo>
                  <a:lnTo>
                    <a:pt x="1049" y="141"/>
                  </a:lnTo>
                  <a:lnTo>
                    <a:pt x="1041" y="141"/>
                  </a:lnTo>
                  <a:lnTo>
                    <a:pt x="1030" y="141"/>
                  </a:lnTo>
                  <a:lnTo>
                    <a:pt x="1022" y="137"/>
                  </a:lnTo>
                  <a:lnTo>
                    <a:pt x="1011" y="137"/>
                  </a:lnTo>
                  <a:lnTo>
                    <a:pt x="1003" y="137"/>
                  </a:lnTo>
                  <a:lnTo>
                    <a:pt x="988" y="137"/>
                  </a:lnTo>
                  <a:lnTo>
                    <a:pt x="977" y="133"/>
                  </a:lnTo>
                  <a:lnTo>
                    <a:pt x="965" y="133"/>
                  </a:lnTo>
                  <a:lnTo>
                    <a:pt x="950" y="133"/>
                  </a:lnTo>
                  <a:lnTo>
                    <a:pt x="939" y="130"/>
                  </a:lnTo>
                  <a:lnTo>
                    <a:pt x="927" y="130"/>
                  </a:lnTo>
                  <a:lnTo>
                    <a:pt x="912" y="130"/>
                  </a:lnTo>
                  <a:lnTo>
                    <a:pt x="901" y="130"/>
                  </a:lnTo>
                  <a:lnTo>
                    <a:pt x="889" y="126"/>
                  </a:lnTo>
                  <a:lnTo>
                    <a:pt x="874" y="126"/>
                  </a:lnTo>
                  <a:lnTo>
                    <a:pt x="863" y="122"/>
                  </a:lnTo>
                  <a:lnTo>
                    <a:pt x="851" y="122"/>
                  </a:lnTo>
                  <a:lnTo>
                    <a:pt x="836" y="118"/>
                  </a:lnTo>
                  <a:lnTo>
                    <a:pt x="825" y="118"/>
                  </a:lnTo>
                  <a:lnTo>
                    <a:pt x="813" y="114"/>
                  </a:lnTo>
                  <a:lnTo>
                    <a:pt x="798" y="114"/>
                  </a:lnTo>
                  <a:lnTo>
                    <a:pt x="787" y="114"/>
                  </a:lnTo>
                  <a:lnTo>
                    <a:pt x="775" y="111"/>
                  </a:lnTo>
                  <a:lnTo>
                    <a:pt x="760" y="111"/>
                  </a:lnTo>
                  <a:lnTo>
                    <a:pt x="749" y="107"/>
                  </a:lnTo>
                  <a:lnTo>
                    <a:pt x="737" y="107"/>
                  </a:lnTo>
                  <a:lnTo>
                    <a:pt x="722" y="103"/>
                  </a:lnTo>
                  <a:lnTo>
                    <a:pt x="711" y="103"/>
                  </a:lnTo>
                  <a:lnTo>
                    <a:pt x="699" y="103"/>
                  </a:lnTo>
                  <a:lnTo>
                    <a:pt x="684" y="99"/>
                  </a:lnTo>
                  <a:lnTo>
                    <a:pt x="673" y="99"/>
                  </a:lnTo>
                  <a:lnTo>
                    <a:pt x="661" y="95"/>
                  </a:lnTo>
                  <a:lnTo>
                    <a:pt x="646" y="95"/>
                  </a:lnTo>
                  <a:lnTo>
                    <a:pt x="635" y="95"/>
                  </a:lnTo>
                  <a:lnTo>
                    <a:pt x="624" y="92"/>
                  </a:lnTo>
                  <a:lnTo>
                    <a:pt x="608" y="92"/>
                  </a:lnTo>
                  <a:lnTo>
                    <a:pt x="597" y="92"/>
                  </a:lnTo>
                  <a:lnTo>
                    <a:pt x="586" y="88"/>
                  </a:lnTo>
                  <a:lnTo>
                    <a:pt x="574" y="88"/>
                  </a:lnTo>
                  <a:lnTo>
                    <a:pt x="559" y="84"/>
                  </a:lnTo>
                  <a:lnTo>
                    <a:pt x="548" y="84"/>
                  </a:lnTo>
                  <a:lnTo>
                    <a:pt x="536" y="80"/>
                  </a:lnTo>
                  <a:lnTo>
                    <a:pt x="521" y="80"/>
                  </a:lnTo>
                  <a:lnTo>
                    <a:pt x="510" y="76"/>
                  </a:lnTo>
                  <a:lnTo>
                    <a:pt x="498" y="76"/>
                  </a:lnTo>
                  <a:lnTo>
                    <a:pt x="483" y="73"/>
                  </a:lnTo>
                  <a:lnTo>
                    <a:pt x="472" y="73"/>
                  </a:lnTo>
                  <a:lnTo>
                    <a:pt x="460" y="69"/>
                  </a:lnTo>
                  <a:lnTo>
                    <a:pt x="445" y="69"/>
                  </a:lnTo>
                  <a:lnTo>
                    <a:pt x="434" y="65"/>
                  </a:lnTo>
                  <a:lnTo>
                    <a:pt x="422" y="65"/>
                  </a:lnTo>
                  <a:lnTo>
                    <a:pt x="411" y="61"/>
                  </a:lnTo>
                  <a:lnTo>
                    <a:pt x="396" y="61"/>
                  </a:lnTo>
                  <a:lnTo>
                    <a:pt x="384" y="61"/>
                  </a:lnTo>
                  <a:lnTo>
                    <a:pt x="373" y="57"/>
                  </a:lnTo>
                  <a:lnTo>
                    <a:pt x="358" y="57"/>
                  </a:lnTo>
                  <a:lnTo>
                    <a:pt x="346" y="54"/>
                  </a:lnTo>
                  <a:lnTo>
                    <a:pt x="335" y="54"/>
                  </a:lnTo>
                  <a:lnTo>
                    <a:pt x="320" y="50"/>
                  </a:lnTo>
                  <a:lnTo>
                    <a:pt x="308" y="50"/>
                  </a:lnTo>
                  <a:lnTo>
                    <a:pt x="297" y="50"/>
                  </a:lnTo>
                  <a:lnTo>
                    <a:pt x="282" y="46"/>
                  </a:lnTo>
                  <a:lnTo>
                    <a:pt x="270" y="46"/>
                  </a:lnTo>
                  <a:lnTo>
                    <a:pt x="259" y="46"/>
                  </a:lnTo>
                  <a:lnTo>
                    <a:pt x="247" y="42"/>
                  </a:lnTo>
                  <a:lnTo>
                    <a:pt x="232" y="42"/>
                  </a:lnTo>
                  <a:lnTo>
                    <a:pt x="221" y="42"/>
                  </a:lnTo>
                  <a:lnTo>
                    <a:pt x="206" y="38"/>
                  </a:lnTo>
                  <a:lnTo>
                    <a:pt x="198" y="38"/>
                  </a:lnTo>
                  <a:lnTo>
                    <a:pt x="194" y="42"/>
                  </a:lnTo>
                  <a:lnTo>
                    <a:pt x="194" y="46"/>
                  </a:lnTo>
                  <a:lnTo>
                    <a:pt x="209" y="50"/>
                  </a:lnTo>
                  <a:lnTo>
                    <a:pt x="225" y="54"/>
                  </a:lnTo>
                  <a:lnTo>
                    <a:pt x="240" y="57"/>
                  </a:lnTo>
                  <a:lnTo>
                    <a:pt x="259" y="65"/>
                  </a:lnTo>
                  <a:lnTo>
                    <a:pt x="274" y="69"/>
                  </a:lnTo>
                  <a:lnTo>
                    <a:pt x="289" y="73"/>
                  </a:lnTo>
                  <a:lnTo>
                    <a:pt x="304" y="76"/>
                  </a:lnTo>
                  <a:lnTo>
                    <a:pt x="323" y="80"/>
                  </a:lnTo>
                  <a:lnTo>
                    <a:pt x="335" y="84"/>
                  </a:lnTo>
                  <a:lnTo>
                    <a:pt x="354" y="88"/>
                  </a:lnTo>
                  <a:lnTo>
                    <a:pt x="369" y="92"/>
                  </a:lnTo>
                  <a:lnTo>
                    <a:pt x="384" y="99"/>
                  </a:lnTo>
                  <a:lnTo>
                    <a:pt x="399" y="99"/>
                  </a:lnTo>
                  <a:lnTo>
                    <a:pt x="415" y="103"/>
                  </a:lnTo>
                  <a:lnTo>
                    <a:pt x="434" y="107"/>
                  </a:lnTo>
                  <a:lnTo>
                    <a:pt x="449" y="114"/>
                  </a:lnTo>
                  <a:lnTo>
                    <a:pt x="464" y="114"/>
                  </a:lnTo>
                  <a:lnTo>
                    <a:pt x="479" y="118"/>
                  </a:lnTo>
                  <a:lnTo>
                    <a:pt x="494" y="122"/>
                  </a:lnTo>
                  <a:lnTo>
                    <a:pt x="510" y="126"/>
                  </a:lnTo>
                  <a:lnTo>
                    <a:pt x="525" y="130"/>
                  </a:lnTo>
                  <a:lnTo>
                    <a:pt x="540" y="130"/>
                  </a:lnTo>
                  <a:lnTo>
                    <a:pt x="559" y="133"/>
                  </a:lnTo>
                  <a:lnTo>
                    <a:pt x="574" y="137"/>
                  </a:lnTo>
                  <a:lnTo>
                    <a:pt x="589" y="137"/>
                  </a:lnTo>
                  <a:lnTo>
                    <a:pt x="605" y="141"/>
                  </a:lnTo>
                  <a:lnTo>
                    <a:pt x="620" y="141"/>
                  </a:lnTo>
                  <a:lnTo>
                    <a:pt x="639" y="145"/>
                  </a:lnTo>
                  <a:lnTo>
                    <a:pt x="650" y="149"/>
                  </a:lnTo>
                  <a:lnTo>
                    <a:pt x="669" y="152"/>
                  </a:lnTo>
                  <a:lnTo>
                    <a:pt x="684" y="152"/>
                  </a:lnTo>
                  <a:lnTo>
                    <a:pt x="699" y="156"/>
                  </a:lnTo>
                  <a:lnTo>
                    <a:pt x="715" y="156"/>
                  </a:lnTo>
                  <a:lnTo>
                    <a:pt x="730" y="160"/>
                  </a:lnTo>
                  <a:lnTo>
                    <a:pt x="745" y="160"/>
                  </a:lnTo>
                  <a:lnTo>
                    <a:pt x="760" y="164"/>
                  </a:lnTo>
                  <a:lnTo>
                    <a:pt x="775" y="164"/>
                  </a:lnTo>
                  <a:lnTo>
                    <a:pt x="794" y="168"/>
                  </a:lnTo>
                  <a:lnTo>
                    <a:pt x="806" y="168"/>
                  </a:lnTo>
                  <a:lnTo>
                    <a:pt x="825" y="171"/>
                  </a:lnTo>
                  <a:lnTo>
                    <a:pt x="840" y="171"/>
                  </a:lnTo>
                  <a:lnTo>
                    <a:pt x="855" y="171"/>
                  </a:lnTo>
                  <a:lnTo>
                    <a:pt x="870" y="175"/>
                  </a:lnTo>
                  <a:lnTo>
                    <a:pt x="886" y="175"/>
                  </a:lnTo>
                  <a:lnTo>
                    <a:pt x="901" y="175"/>
                  </a:lnTo>
                  <a:lnTo>
                    <a:pt x="920" y="179"/>
                  </a:lnTo>
                  <a:lnTo>
                    <a:pt x="935" y="179"/>
                  </a:lnTo>
                  <a:lnTo>
                    <a:pt x="950" y="183"/>
                  </a:lnTo>
                  <a:lnTo>
                    <a:pt x="969" y="183"/>
                  </a:lnTo>
                  <a:lnTo>
                    <a:pt x="984" y="183"/>
                  </a:lnTo>
                  <a:lnTo>
                    <a:pt x="1000" y="183"/>
                  </a:lnTo>
                  <a:lnTo>
                    <a:pt x="1019" y="187"/>
                  </a:lnTo>
                  <a:lnTo>
                    <a:pt x="1034" y="187"/>
                  </a:lnTo>
                  <a:lnTo>
                    <a:pt x="1049" y="190"/>
                  </a:lnTo>
                  <a:lnTo>
                    <a:pt x="1064" y="190"/>
                  </a:lnTo>
                  <a:lnTo>
                    <a:pt x="1083" y="194"/>
                  </a:lnTo>
                  <a:lnTo>
                    <a:pt x="1098" y="194"/>
                  </a:lnTo>
                  <a:lnTo>
                    <a:pt x="1117" y="198"/>
                  </a:lnTo>
                  <a:lnTo>
                    <a:pt x="1133" y="198"/>
                  </a:lnTo>
                  <a:lnTo>
                    <a:pt x="1152" y="198"/>
                  </a:lnTo>
                  <a:lnTo>
                    <a:pt x="1167" y="202"/>
                  </a:lnTo>
                  <a:lnTo>
                    <a:pt x="1182" y="202"/>
                  </a:lnTo>
                  <a:lnTo>
                    <a:pt x="1201" y="206"/>
                  </a:lnTo>
                  <a:lnTo>
                    <a:pt x="1220" y="206"/>
                  </a:lnTo>
                  <a:lnTo>
                    <a:pt x="1228" y="206"/>
                  </a:lnTo>
                  <a:lnTo>
                    <a:pt x="1235" y="206"/>
                  </a:lnTo>
                  <a:lnTo>
                    <a:pt x="1247" y="206"/>
                  </a:lnTo>
                  <a:lnTo>
                    <a:pt x="1254" y="206"/>
                  </a:lnTo>
                  <a:lnTo>
                    <a:pt x="1266" y="206"/>
                  </a:lnTo>
                  <a:lnTo>
                    <a:pt x="1273" y="209"/>
                  </a:lnTo>
                  <a:lnTo>
                    <a:pt x="1285" y="209"/>
                  </a:lnTo>
                  <a:lnTo>
                    <a:pt x="1296" y="209"/>
                  </a:lnTo>
                  <a:lnTo>
                    <a:pt x="1304" y="209"/>
                  </a:lnTo>
                  <a:lnTo>
                    <a:pt x="1315" y="209"/>
                  </a:lnTo>
                  <a:lnTo>
                    <a:pt x="1323" y="209"/>
                  </a:lnTo>
                  <a:lnTo>
                    <a:pt x="1334" y="213"/>
                  </a:lnTo>
                  <a:lnTo>
                    <a:pt x="1345" y="213"/>
                  </a:lnTo>
                  <a:lnTo>
                    <a:pt x="1353" y="213"/>
                  </a:lnTo>
                  <a:lnTo>
                    <a:pt x="1364" y="213"/>
                  </a:lnTo>
                  <a:lnTo>
                    <a:pt x="1376" y="217"/>
                  </a:lnTo>
                  <a:lnTo>
                    <a:pt x="1387" y="217"/>
                  </a:lnTo>
                  <a:lnTo>
                    <a:pt x="1395" y="217"/>
                  </a:lnTo>
                  <a:lnTo>
                    <a:pt x="1406" y="221"/>
                  </a:lnTo>
                  <a:lnTo>
                    <a:pt x="1414" y="221"/>
                  </a:lnTo>
                  <a:lnTo>
                    <a:pt x="1425" y="221"/>
                  </a:lnTo>
                  <a:lnTo>
                    <a:pt x="1433" y="225"/>
                  </a:lnTo>
                  <a:lnTo>
                    <a:pt x="1444" y="225"/>
                  </a:lnTo>
                  <a:lnTo>
                    <a:pt x="1455" y="228"/>
                  </a:lnTo>
                  <a:lnTo>
                    <a:pt x="1463" y="228"/>
                  </a:lnTo>
                  <a:lnTo>
                    <a:pt x="1471" y="232"/>
                  </a:lnTo>
                  <a:lnTo>
                    <a:pt x="1482" y="232"/>
                  </a:lnTo>
                  <a:lnTo>
                    <a:pt x="1490" y="236"/>
                  </a:lnTo>
                  <a:lnTo>
                    <a:pt x="1501" y="240"/>
                  </a:lnTo>
                  <a:lnTo>
                    <a:pt x="1509" y="244"/>
                  </a:lnTo>
                  <a:lnTo>
                    <a:pt x="1516" y="247"/>
                  </a:lnTo>
                  <a:lnTo>
                    <a:pt x="1528" y="251"/>
                  </a:lnTo>
                  <a:lnTo>
                    <a:pt x="1524" y="255"/>
                  </a:lnTo>
                  <a:lnTo>
                    <a:pt x="1524" y="255"/>
                  </a:lnTo>
                  <a:lnTo>
                    <a:pt x="1516" y="263"/>
                  </a:lnTo>
                  <a:lnTo>
                    <a:pt x="1512" y="274"/>
                  </a:lnTo>
                  <a:lnTo>
                    <a:pt x="1505" y="282"/>
                  </a:lnTo>
                  <a:lnTo>
                    <a:pt x="1501" y="293"/>
                  </a:lnTo>
                  <a:lnTo>
                    <a:pt x="1497" y="300"/>
                  </a:lnTo>
                  <a:lnTo>
                    <a:pt x="1490" y="312"/>
                  </a:lnTo>
                  <a:lnTo>
                    <a:pt x="1490" y="319"/>
                  </a:lnTo>
                  <a:lnTo>
                    <a:pt x="1486" y="331"/>
                  </a:lnTo>
                  <a:lnTo>
                    <a:pt x="1478" y="338"/>
                  </a:lnTo>
                  <a:lnTo>
                    <a:pt x="1474" y="350"/>
                  </a:lnTo>
                  <a:lnTo>
                    <a:pt x="1471" y="357"/>
                  </a:lnTo>
                  <a:lnTo>
                    <a:pt x="1467" y="365"/>
                  </a:lnTo>
                  <a:lnTo>
                    <a:pt x="1463" y="376"/>
                  </a:lnTo>
                  <a:lnTo>
                    <a:pt x="1459" y="388"/>
                  </a:lnTo>
                  <a:lnTo>
                    <a:pt x="1459" y="395"/>
                  </a:lnTo>
                  <a:lnTo>
                    <a:pt x="1455" y="407"/>
                  </a:lnTo>
                  <a:lnTo>
                    <a:pt x="1452" y="414"/>
                  </a:lnTo>
                  <a:lnTo>
                    <a:pt x="1448" y="422"/>
                  </a:lnTo>
                  <a:lnTo>
                    <a:pt x="1444" y="433"/>
                  </a:lnTo>
                  <a:lnTo>
                    <a:pt x="1444" y="445"/>
                  </a:lnTo>
                  <a:lnTo>
                    <a:pt x="1440" y="452"/>
                  </a:lnTo>
                  <a:lnTo>
                    <a:pt x="1436" y="464"/>
                  </a:lnTo>
                  <a:lnTo>
                    <a:pt x="1436" y="471"/>
                  </a:lnTo>
                  <a:lnTo>
                    <a:pt x="1436" y="483"/>
                  </a:lnTo>
                  <a:lnTo>
                    <a:pt x="1433" y="494"/>
                  </a:lnTo>
                  <a:lnTo>
                    <a:pt x="1433" y="502"/>
                  </a:lnTo>
                  <a:lnTo>
                    <a:pt x="1429" y="513"/>
                  </a:lnTo>
                  <a:lnTo>
                    <a:pt x="1429" y="525"/>
                  </a:lnTo>
                  <a:lnTo>
                    <a:pt x="1429" y="536"/>
                  </a:lnTo>
                  <a:lnTo>
                    <a:pt x="1425" y="547"/>
                  </a:lnTo>
                  <a:lnTo>
                    <a:pt x="1425" y="555"/>
                  </a:lnTo>
                  <a:lnTo>
                    <a:pt x="1425" y="570"/>
                  </a:lnTo>
                  <a:lnTo>
                    <a:pt x="1425" y="574"/>
                  </a:lnTo>
                  <a:lnTo>
                    <a:pt x="1421" y="582"/>
                  </a:lnTo>
                  <a:lnTo>
                    <a:pt x="1417" y="589"/>
                  </a:lnTo>
                  <a:lnTo>
                    <a:pt x="1417" y="597"/>
                  </a:lnTo>
                  <a:lnTo>
                    <a:pt x="1410" y="608"/>
                  </a:lnTo>
                  <a:lnTo>
                    <a:pt x="1398" y="623"/>
                  </a:lnTo>
                  <a:lnTo>
                    <a:pt x="1391" y="627"/>
                  </a:lnTo>
                  <a:lnTo>
                    <a:pt x="1387" y="631"/>
                  </a:lnTo>
                  <a:lnTo>
                    <a:pt x="1379" y="635"/>
                  </a:lnTo>
                  <a:lnTo>
                    <a:pt x="1372" y="639"/>
                  </a:lnTo>
                  <a:lnTo>
                    <a:pt x="1364" y="642"/>
                  </a:lnTo>
                  <a:lnTo>
                    <a:pt x="1357" y="646"/>
                  </a:lnTo>
                  <a:lnTo>
                    <a:pt x="1345" y="650"/>
                  </a:lnTo>
                  <a:lnTo>
                    <a:pt x="1338" y="654"/>
                  </a:lnTo>
                  <a:lnTo>
                    <a:pt x="1326" y="658"/>
                  </a:lnTo>
                  <a:lnTo>
                    <a:pt x="1319" y="661"/>
                  </a:lnTo>
                  <a:lnTo>
                    <a:pt x="1307" y="661"/>
                  </a:lnTo>
                  <a:lnTo>
                    <a:pt x="1296" y="665"/>
                  </a:lnTo>
                  <a:lnTo>
                    <a:pt x="1285" y="665"/>
                  </a:lnTo>
                  <a:lnTo>
                    <a:pt x="1273" y="669"/>
                  </a:lnTo>
                  <a:lnTo>
                    <a:pt x="1262" y="669"/>
                  </a:lnTo>
                  <a:lnTo>
                    <a:pt x="1250" y="673"/>
                  </a:lnTo>
                  <a:lnTo>
                    <a:pt x="1239" y="673"/>
                  </a:lnTo>
                  <a:lnTo>
                    <a:pt x="1228" y="673"/>
                  </a:lnTo>
                  <a:lnTo>
                    <a:pt x="1212" y="677"/>
                  </a:lnTo>
                  <a:lnTo>
                    <a:pt x="1201" y="677"/>
                  </a:lnTo>
                  <a:lnTo>
                    <a:pt x="1186" y="677"/>
                  </a:lnTo>
                  <a:lnTo>
                    <a:pt x="1174" y="677"/>
                  </a:lnTo>
                  <a:lnTo>
                    <a:pt x="1163" y="677"/>
                  </a:lnTo>
                  <a:lnTo>
                    <a:pt x="1152" y="677"/>
                  </a:lnTo>
                  <a:lnTo>
                    <a:pt x="1136" y="677"/>
                  </a:lnTo>
                  <a:lnTo>
                    <a:pt x="1121" y="677"/>
                  </a:lnTo>
                  <a:lnTo>
                    <a:pt x="1110" y="677"/>
                  </a:lnTo>
                  <a:lnTo>
                    <a:pt x="1098" y="677"/>
                  </a:lnTo>
                  <a:lnTo>
                    <a:pt x="1083" y="677"/>
                  </a:lnTo>
                  <a:lnTo>
                    <a:pt x="1068" y="677"/>
                  </a:lnTo>
                  <a:lnTo>
                    <a:pt x="1057" y="673"/>
                  </a:lnTo>
                  <a:lnTo>
                    <a:pt x="1045" y="673"/>
                  </a:lnTo>
                  <a:lnTo>
                    <a:pt x="1030" y="673"/>
                  </a:lnTo>
                  <a:lnTo>
                    <a:pt x="1019" y="673"/>
                  </a:lnTo>
                  <a:lnTo>
                    <a:pt x="1003" y="669"/>
                  </a:lnTo>
                  <a:lnTo>
                    <a:pt x="992" y="669"/>
                  </a:lnTo>
                  <a:lnTo>
                    <a:pt x="977" y="669"/>
                  </a:lnTo>
                  <a:lnTo>
                    <a:pt x="965" y="669"/>
                  </a:lnTo>
                  <a:lnTo>
                    <a:pt x="954" y="665"/>
                  </a:lnTo>
                  <a:lnTo>
                    <a:pt x="946" y="665"/>
                  </a:lnTo>
                  <a:lnTo>
                    <a:pt x="931" y="665"/>
                  </a:lnTo>
                  <a:lnTo>
                    <a:pt x="920" y="665"/>
                  </a:lnTo>
                  <a:lnTo>
                    <a:pt x="908" y="661"/>
                  </a:lnTo>
                  <a:lnTo>
                    <a:pt x="901" y="661"/>
                  </a:lnTo>
                  <a:lnTo>
                    <a:pt x="889" y="661"/>
                  </a:lnTo>
                  <a:lnTo>
                    <a:pt x="878" y="658"/>
                  </a:lnTo>
                  <a:lnTo>
                    <a:pt x="870" y="658"/>
                  </a:lnTo>
                  <a:lnTo>
                    <a:pt x="863" y="658"/>
                  </a:lnTo>
                  <a:lnTo>
                    <a:pt x="851" y="658"/>
                  </a:lnTo>
                  <a:lnTo>
                    <a:pt x="844" y="658"/>
                  </a:lnTo>
                  <a:lnTo>
                    <a:pt x="836" y="654"/>
                  </a:lnTo>
                  <a:lnTo>
                    <a:pt x="829" y="654"/>
                  </a:lnTo>
                  <a:lnTo>
                    <a:pt x="821" y="654"/>
                  </a:lnTo>
                  <a:lnTo>
                    <a:pt x="817" y="654"/>
                  </a:lnTo>
                  <a:lnTo>
                    <a:pt x="810" y="654"/>
                  </a:lnTo>
                  <a:lnTo>
                    <a:pt x="806" y="654"/>
                  </a:lnTo>
                  <a:lnTo>
                    <a:pt x="798" y="654"/>
                  </a:lnTo>
                  <a:lnTo>
                    <a:pt x="787" y="654"/>
                  </a:lnTo>
                  <a:lnTo>
                    <a:pt x="775" y="654"/>
                  </a:lnTo>
                  <a:lnTo>
                    <a:pt x="768" y="654"/>
                  </a:lnTo>
                  <a:lnTo>
                    <a:pt x="756" y="654"/>
                  </a:lnTo>
                  <a:lnTo>
                    <a:pt x="745" y="654"/>
                  </a:lnTo>
                  <a:lnTo>
                    <a:pt x="737" y="650"/>
                  </a:lnTo>
                  <a:lnTo>
                    <a:pt x="726" y="650"/>
                  </a:lnTo>
                  <a:lnTo>
                    <a:pt x="715" y="650"/>
                  </a:lnTo>
                  <a:lnTo>
                    <a:pt x="707" y="650"/>
                  </a:lnTo>
                  <a:lnTo>
                    <a:pt x="696" y="646"/>
                  </a:lnTo>
                  <a:lnTo>
                    <a:pt x="688" y="646"/>
                  </a:lnTo>
                  <a:lnTo>
                    <a:pt x="677" y="646"/>
                  </a:lnTo>
                  <a:lnTo>
                    <a:pt x="669" y="646"/>
                  </a:lnTo>
                  <a:lnTo>
                    <a:pt x="661" y="642"/>
                  </a:lnTo>
                  <a:lnTo>
                    <a:pt x="650" y="642"/>
                  </a:lnTo>
                  <a:lnTo>
                    <a:pt x="639" y="642"/>
                  </a:lnTo>
                  <a:lnTo>
                    <a:pt x="631" y="639"/>
                  </a:lnTo>
                  <a:lnTo>
                    <a:pt x="620" y="639"/>
                  </a:lnTo>
                  <a:lnTo>
                    <a:pt x="612" y="639"/>
                  </a:lnTo>
                  <a:lnTo>
                    <a:pt x="605" y="635"/>
                  </a:lnTo>
                  <a:lnTo>
                    <a:pt x="593" y="635"/>
                  </a:lnTo>
                  <a:lnTo>
                    <a:pt x="586" y="631"/>
                  </a:lnTo>
                  <a:lnTo>
                    <a:pt x="578" y="631"/>
                  </a:lnTo>
                  <a:lnTo>
                    <a:pt x="567" y="627"/>
                  </a:lnTo>
                  <a:lnTo>
                    <a:pt x="559" y="627"/>
                  </a:lnTo>
                  <a:lnTo>
                    <a:pt x="548" y="627"/>
                  </a:lnTo>
                  <a:lnTo>
                    <a:pt x="540" y="623"/>
                  </a:lnTo>
                  <a:lnTo>
                    <a:pt x="532" y="623"/>
                  </a:lnTo>
                  <a:lnTo>
                    <a:pt x="521" y="620"/>
                  </a:lnTo>
                  <a:lnTo>
                    <a:pt x="513" y="620"/>
                  </a:lnTo>
                  <a:lnTo>
                    <a:pt x="506" y="616"/>
                  </a:lnTo>
                  <a:lnTo>
                    <a:pt x="494" y="612"/>
                  </a:lnTo>
                  <a:lnTo>
                    <a:pt x="487" y="612"/>
                  </a:lnTo>
                  <a:lnTo>
                    <a:pt x="479" y="608"/>
                  </a:lnTo>
                  <a:lnTo>
                    <a:pt x="468" y="608"/>
                  </a:lnTo>
                  <a:lnTo>
                    <a:pt x="460" y="604"/>
                  </a:lnTo>
                  <a:lnTo>
                    <a:pt x="453" y="601"/>
                  </a:lnTo>
                  <a:lnTo>
                    <a:pt x="441" y="601"/>
                  </a:lnTo>
                  <a:lnTo>
                    <a:pt x="434" y="601"/>
                  </a:lnTo>
                  <a:lnTo>
                    <a:pt x="422" y="597"/>
                  </a:lnTo>
                  <a:lnTo>
                    <a:pt x="415" y="593"/>
                  </a:lnTo>
                  <a:lnTo>
                    <a:pt x="407" y="589"/>
                  </a:lnTo>
                  <a:lnTo>
                    <a:pt x="396" y="589"/>
                  </a:lnTo>
                  <a:lnTo>
                    <a:pt x="388" y="585"/>
                  </a:lnTo>
                  <a:lnTo>
                    <a:pt x="380" y="582"/>
                  </a:lnTo>
                  <a:lnTo>
                    <a:pt x="369" y="578"/>
                  </a:lnTo>
                  <a:lnTo>
                    <a:pt x="361" y="578"/>
                  </a:lnTo>
                  <a:lnTo>
                    <a:pt x="350" y="574"/>
                  </a:lnTo>
                  <a:lnTo>
                    <a:pt x="342" y="574"/>
                  </a:lnTo>
                  <a:lnTo>
                    <a:pt x="335" y="570"/>
                  </a:lnTo>
                  <a:lnTo>
                    <a:pt x="323" y="566"/>
                  </a:lnTo>
                  <a:lnTo>
                    <a:pt x="316" y="563"/>
                  </a:lnTo>
                  <a:lnTo>
                    <a:pt x="304" y="559"/>
                  </a:lnTo>
                  <a:lnTo>
                    <a:pt x="297" y="559"/>
                  </a:lnTo>
                  <a:lnTo>
                    <a:pt x="289" y="555"/>
                  </a:lnTo>
                  <a:lnTo>
                    <a:pt x="278" y="551"/>
                  </a:lnTo>
                  <a:lnTo>
                    <a:pt x="270" y="547"/>
                  </a:lnTo>
                  <a:lnTo>
                    <a:pt x="259" y="547"/>
                  </a:lnTo>
                  <a:lnTo>
                    <a:pt x="251" y="544"/>
                  </a:lnTo>
                  <a:lnTo>
                    <a:pt x="244" y="540"/>
                  </a:lnTo>
                  <a:lnTo>
                    <a:pt x="232" y="536"/>
                  </a:lnTo>
                  <a:lnTo>
                    <a:pt x="225" y="532"/>
                  </a:lnTo>
                  <a:lnTo>
                    <a:pt x="217" y="532"/>
                  </a:lnTo>
                  <a:lnTo>
                    <a:pt x="206" y="528"/>
                  </a:lnTo>
                  <a:lnTo>
                    <a:pt x="194" y="525"/>
                  </a:lnTo>
                  <a:lnTo>
                    <a:pt x="187" y="521"/>
                  </a:lnTo>
                  <a:lnTo>
                    <a:pt x="179" y="517"/>
                  </a:lnTo>
                  <a:lnTo>
                    <a:pt x="171" y="513"/>
                  </a:lnTo>
                  <a:lnTo>
                    <a:pt x="160" y="509"/>
                  </a:lnTo>
                  <a:lnTo>
                    <a:pt x="152" y="506"/>
                  </a:lnTo>
                  <a:lnTo>
                    <a:pt x="149" y="502"/>
                  </a:lnTo>
                  <a:lnTo>
                    <a:pt x="141" y="498"/>
                  </a:lnTo>
                  <a:lnTo>
                    <a:pt x="133" y="494"/>
                  </a:lnTo>
                  <a:lnTo>
                    <a:pt x="130" y="490"/>
                  </a:lnTo>
                  <a:lnTo>
                    <a:pt x="122" y="487"/>
                  </a:lnTo>
                  <a:lnTo>
                    <a:pt x="111" y="479"/>
                  </a:lnTo>
                  <a:lnTo>
                    <a:pt x="103" y="471"/>
                  </a:lnTo>
                  <a:lnTo>
                    <a:pt x="92" y="464"/>
                  </a:lnTo>
                  <a:lnTo>
                    <a:pt x="88" y="456"/>
                  </a:lnTo>
                  <a:lnTo>
                    <a:pt x="80" y="445"/>
                  </a:lnTo>
                  <a:lnTo>
                    <a:pt x="76" y="441"/>
                  </a:lnTo>
                  <a:lnTo>
                    <a:pt x="69" y="430"/>
                  </a:lnTo>
                  <a:lnTo>
                    <a:pt x="69" y="422"/>
                  </a:lnTo>
                  <a:lnTo>
                    <a:pt x="65" y="414"/>
                  </a:lnTo>
                  <a:lnTo>
                    <a:pt x="65" y="407"/>
                  </a:lnTo>
                  <a:lnTo>
                    <a:pt x="61" y="395"/>
                  </a:lnTo>
                  <a:lnTo>
                    <a:pt x="61" y="388"/>
                  </a:lnTo>
                  <a:lnTo>
                    <a:pt x="61" y="376"/>
                  </a:lnTo>
                  <a:lnTo>
                    <a:pt x="61" y="369"/>
                  </a:lnTo>
                  <a:lnTo>
                    <a:pt x="61" y="357"/>
                  </a:lnTo>
                  <a:lnTo>
                    <a:pt x="65" y="350"/>
                  </a:lnTo>
                  <a:lnTo>
                    <a:pt x="65" y="338"/>
                  </a:lnTo>
                  <a:lnTo>
                    <a:pt x="69" y="331"/>
                  </a:lnTo>
                  <a:lnTo>
                    <a:pt x="69" y="319"/>
                  </a:lnTo>
                  <a:lnTo>
                    <a:pt x="73" y="308"/>
                  </a:lnTo>
                  <a:lnTo>
                    <a:pt x="73" y="300"/>
                  </a:lnTo>
                  <a:lnTo>
                    <a:pt x="76" y="289"/>
                  </a:lnTo>
                  <a:lnTo>
                    <a:pt x="76" y="278"/>
                  </a:lnTo>
                  <a:lnTo>
                    <a:pt x="80" y="266"/>
                  </a:lnTo>
                  <a:lnTo>
                    <a:pt x="84" y="259"/>
                  </a:lnTo>
                  <a:lnTo>
                    <a:pt x="88" y="247"/>
                  </a:lnTo>
                  <a:lnTo>
                    <a:pt x="88" y="240"/>
                  </a:lnTo>
                  <a:lnTo>
                    <a:pt x="88" y="236"/>
                  </a:lnTo>
                  <a:lnTo>
                    <a:pt x="88" y="232"/>
                  </a:lnTo>
                  <a:lnTo>
                    <a:pt x="88" y="225"/>
                  </a:lnTo>
                  <a:lnTo>
                    <a:pt x="88" y="217"/>
                  </a:lnTo>
                  <a:lnTo>
                    <a:pt x="88" y="209"/>
                  </a:lnTo>
                  <a:lnTo>
                    <a:pt x="88" y="202"/>
                  </a:lnTo>
                  <a:lnTo>
                    <a:pt x="88" y="194"/>
                  </a:lnTo>
                  <a:lnTo>
                    <a:pt x="88" y="187"/>
                  </a:lnTo>
                  <a:lnTo>
                    <a:pt x="88" y="179"/>
                  </a:lnTo>
                  <a:lnTo>
                    <a:pt x="88" y="168"/>
                  </a:lnTo>
                  <a:lnTo>
                    <a:pt x="88" y="160"/>
                  </a:lnTo>
                  <a:lnTo>
                    <a:pt x="88" y="149"/>
                  </a:lnTo>
                  <a:lnTo>
                    <a:pt x="88" y="141"/>
                  </a:lnTo>
                  <a:lnTo>
                    <a:pt x="88" y="130"/>
                  </a:lnTo>
                  <a:lnTo>
                    <a:pt x="92" y="122"/>
                  </a:lnTo>
                  <a:lnTo>
                    <a:pt x="92" y="111"/>
                  </a:lnTo>
                  <a:lnTo>
                    <a:pt x="92" y="103"/>
                  </a:lnTo>
                  <a:lnTo>
                    <a:pt x="92" y="95"/>
                  </a:lnTo>
                  <a:lnTo>
                    <a:pt x="95" y="88"/>
                  </a:lnTo>
                  <a:lnTo>
                    <a:pt x="95" y="76"/>
                  </a:lnTo>
                  <a:lnTo>
                    <a:pt x="99" y="73"/>
                  </a:lnTo>
                  <a:lnTo>
                    <a:pt x="99" y="65"/>
                  </a:lnTo>
                  <a:lnTo>
                    <a:pt x="103" y="57"/>
                  </a:lnTo>
                  <a:lnTo>
                    <a:pt x="111" y="46"/>
                  </a:lnTo>
                  <a:lnTo>
                    <a:pt x="122" y="38"/>
                  </a:lnTo>
                  <a:lnTo>
                    <a:pt x="126" y="35"/>
                  </a:lnTo>
                  <a:lnTo>
                    <a:pt x="130" y="31"/>
                  </a:lnTo>
                  <a:lnTo>
                    <a:pt x="137" y="31"/>
                  </a:lnTo>
                  <a:lnTo>
                    <a:pt x="149" y="31"/>
                  </a:lnTo>
                  <a:lnTo>
                    <a:pt x="152" y="31"/>
                  </a:lnTo>
                  <a:lnTo>
                    <a:pt x="152" y="23"/>
                  </a:lnTo>
                  <a:lnTo>
                    <a:pt x="141" y="23"/>
                  </a:lnTo>
                  <a:lnTo>
                    <a:pt x="130" y="19"/>
                  </a:lnTo>
                  <a:lnTo>
                    <a:pt x="122" y="16"/>
                  </a:lnTo>
                  <a:lnTo>
                    <a:pt x="114" y="12"/>
                  </a:lnTo>
                  <a:lnTo>
                    <a:pt x="103" y="8"/>
                  </a:lnTo>
                  <a:lnTo>
                    <a:pt x="95" y="8"/>
                  </a:lnTo>
                  <a:lnTo>
                    <a:pt x="88" y="4"/>
                  </a:lnTo>
                  <a:lnTo>
                    <a:pt x="80" y="0"/>
                  </a:lnTo>
                  <a:lnTo>
                    <a:pt x="73" y="0"/>
                  </a:lnTo>
                  <a:lnTo>
                    <a:pt x="69" y="4"/>
                  </a:lnTo>
                  <a:lnTo>
                    <a:pt x="65" y="8"/>
                  </a:lnTo>
                  <a:lnTo>
                    <a:pt x="61" y="16"/>
                  </a:lnTo>
                  <a:lnTo>
                    <a:pt x="57" y="23"/>
                  </a:lnTo>
                  <a:lnTo>
                    <a:pt x="57" y="35"/>
                  </a:lnTo>
                  <a:lnTo>
                    <a:pt x="57" y="46"/>
                  </a:lnTo>
                  <a:lnTo>
                    <a:pt x="54" y="57"/>
                  </a:lnTo>
                  <a:lnTo>
                    <a:pt x="54" y="61"/>
                  </a:lnTo>
                  <a:lnTo>
                    <a:pt x="54" y="69"/>
                  </a:lnTo>
                  <a:lnTo>
                    <a:pt x="50" y="76"/>
                  </a:lnTo>
                  <a:lnTo>
                    <a:pt x="50" y="80"/>
                  </a:lnTo>
                  <a:lnTo>
                    <a:pt x="46" y="88"/>
                  </a:lnTo>
                  <a:lnTo>
                    <a:pt x="46" y="95"/>
                  </a:lnTo>
                  <a:lnTo>
                    <a:pt x="46" y="103"/>
                  </a:lnTo>
                  <a:lnTo>
                    <a:pt x="42" y="114"/>
                  </a:lnTo>
                  <a:lnTo>
                    <a:pt x="42" y="122"/>
                  </a:lnTo>
                  <a:lnTo>
                    <a:pt x="38" y="130"/>
                  </a:lnTo>
                  <a:lnTo>
                    <a:pt x="38" y="137"/>
                  </a:lnTo>
                  <a:lnTo>
                    <a:pt x="35" y="145"/>
                  </a:lnTo>
                  <a:lnTo>
                    <a:pt x="35" y="152"/>
                  </a:lnTo>
                  <a:lnTo>
                    <a:pt x="31" y="160"/>
                  </a:lnTo>
                  <a:lnTo>
                    <a:pt x="31" y="171"/>
                  </a:lnTo>
                  <a:lnTo>
                    <a:pt x="27" y="179"/>
                  </a:lnTo>
                  <a:lnTo>
                    <a:pt x="27" y="187"/>
                  </a:lnTo>
                  <a:lnTo>
                    <a:pt x="23" y="198"/>
                  </a:lnTo>
                  <a:lnTo>
                    <a:pt x="23" y="206"/>
                  </a:lnTo>
                  <a:lnTo>
                    <a:pt x="23" y="213"/>
                  </a:lnTo>
                  <a:lnTo>
                    <a:pt x="19" y="225"/>
                  </a:lnTo>
                  <a:lnTo>
                    <a:pt x="19" y="232"/>
                  </a:lnTo>
                  <a:lnTo>
                    <a:pt x="16" y="244"/>
                  </a:lnTo>
                  <a:lnTo>
                    <a:pt x="16" y="251"/>
                  </a:lnTo>
                  <a:lnTo>
                    <a:pt x="12" y="259"/>
                  </a:lnTo>
                  <a:lnTo>
                    <a:pt x="12" y="270"/>
                  </a:lnTo>
                  <a:lnTo>
                    <a:pt x="8" y="278"/>
                  </a:lnTo>
                  <a:lnTo>
                    <a:pt x="8" y="285"/>
                  </a:lnTo>
                  <a:lnTo>
                    <a:pt x="4" y="297"/>
                  </a:lnTo>
                  <a:lnTo>
                    <a:pt x="4" y="304"/>
                  </a:lnTo>
                  <a:lnTo>
                    <a:pt x="4" y="312"/>
                  </a:lnTo>
                  <a:lnTo>
                    <a:pt x="4" y="323"/>
                  </a:lnTo>
                  <a:lnTo>
                    <a:pt x="0" y="331"/>
                  </a:lnTo>
                  <a:lnTo>
                    <a:pt x="0" y="338"/>
                  </a:lnTo>
                  <a:lnTo>
                    <a:pt x="0" y="346"/>
                  </a:lnTo>
                  <a:lnTo>
                    <a:pt x="0" y="354"/>
                  </a:lnTo>
                  <a:lnTo>
                    <a:pt x="0" y="361"/>
                  </a:lnTo>
                  <a:lnTo>
                    <a:pt x="0" y="369"/>
                  </a:lnTo>
                  <a:lnTo>
                    <a:pt x="0" y="380"/>
                  </a:lnTo>
                  <a:lnTo>
                    <a:pt x="0" y="388"/>
                  </a:lnTo>
                  <a:lnTo>
                    <a:pt x="0" y="392"/>
                  </a:lnTo>
                  <a:lnTo>
                    <a:pt x="0" y="399"/>
                  </a:lnTo>
                  <a:lnTo>
                    <a:pt x="0" y="407"/>
                  </a:lnTo>
                  <a:lnTo>
                    <a:pt x="0" y="414"/>
                  </a:lnTo>
                  <a:lnTo>
                    <a:pt x="0" y="426"/>
                  </a:lnTo>
                  <a:lnTo>
                    <a:pt x="0" y="441"/>
                  </a:lnTo>
                  <a:lnTo>
                    <a:pt x="4" y="449"/>
                  </a:lnTo>
                  <a:lnTo>
                    <a:pt x="8" y="460"/>
                  </a:lnTo>
                  <a:lnTo>
                    <a:pt x="12" y="468"/>
                  </a:lnTo>
                  <a:lnTo>
                    <a:pt x="19" y="475"/>
                  </a:lnTo>
                  <a:lnTo>
                    <a:pt x="23" y="479"/>
                  </a:lnTo>
                  <a:lnTo>
                    <a:pt x="31" y="487"/>
                  </a:lnTo>
                  <a:lnTo>
                    <a:pt x="38" y="490"/>
                  </a:lnTo>
                  <a:lnTo>
                    <a:pt x="46" y="498"/>
                  </a:lnTo>
                  <a:lnTo>
                    <a:pt x="50" y="502"/>
                  </a:lnTo>
                  <a:lnTo>
                    <a:pt x="57" y="506"/>
                  </a:lnTo>
                  <a:lnTo>
                    <a:pt x="65" y="513"/>
                  </a:lnTo>
                  <a:lnTo>
                    <a:pt x="73" y="517"/>
                  </a:lnTo>
                  <a:lnTo>
                    <a:pt x="80" y="521"/>
                  </a:lnTo>
                  <a:lnTo>
                    <a:pt x="88" y="528"/>
                  </a:lnTo>
                  <a:lnTo>
                    <a:pt x="95" y="532"/>
                  </a:lnTo>
                  <a:lnTo>
                    <a:pt x="103" y="536"/>
                  </a:lnTo>
                  <a:lnTo>
                    <a:pt x="111" y="544"/>
                  </a:lnTo>
                  <a:lnTo>
                    <a:pt x="122" y="547"/>
                  </a:lnTo>
                  <a:lnTo>
                    <a:pt x="130" y="551"/>
                  </a:lnTo>
                  <a:lnTo>
                    <a:pt x="137" y="555"/>
                  </a:lnTo>
                  <a:lnTo>
                    <a:pt x="145" y="559"/>
                  </a:lnTo>
                  <a:lnTo>
                    <a:pt x="156" y="563"/>
                  </a:lnTo>
                  <a:lnTo>
                    <a:pt x="164" y="566"/>
                  </a:lnTo>
                  <a:lnTo>
                    <a:pt x="171" y="574"/>
                  </a:lnTo>
                  <a:lnTo>
                    <a:pt x="183" y="574"/>
                  </a:lnTo>
                  <a:lnTo>
                    <a:pt x="190" y="578"/>
                  </a:lnTo>
                  <a:lnTo>
                    <a:pt x="198" y="582"/>
                  </a:lnTo>
                  <a:lnTo>
                    <a:pt x="209" y="589"/>
                  </a:lnTo>
                  <a:lnTo>
                    <a:pt x="217" y="589"/>
                  </a:lnTo>
                  <a:lnTo>
                    <a:pt x="228" y="593"/>
                  </a:lnTo>
                  <a:lnTo>
                    <a:pt x="236" y="597"/>
                  </a:lnTo>
                  <a:lnTo>
                    <a:pt x="247" y="601"/>
                  </a:lnTo>
                  <a:lnTo>
                    <a:pt x="255" y="604"/>
                  </a:lnTo>
                  <a:lnTo>
                    <a:pt x="266" y="608"/>
                  </a:lnTo>
                  <a:lnTo>
                    <a:pt x="274" y="612"/>
                  </a:lnTo>
                  <a:lnTo>
                    <a:pt x="285" y="616"/>
                  </a:lnTo>
                  <a:lnTo>
                    <a:pt x="293" y="620"/>
                  </a:lnTo>
                  <a:lnTo>
                    <a:pt x="304" y="620"/>
                  </a:lnTo>
                  <a:lnTo>
                    <a:pt x="312" y="623"/>
                  </a:lnTo>
                  <a:lnTo>
                    <a:pt x="323" y="627"/>
                  </a:lnTo>
                  <a:lnTo>
                    <a:pt x="335" y="627"/>
                  </a:lnTo>
                  <a:lnTo>
                    <a:pt x="342" y="631"/>
                  </a:lnTo>
                  <a:lnTo>
                    <a:pt x="354" y="635"/>
                  </a:lnTo>
                  <a:lnTo>
                    <a:pt x="361" y="639"/>
                  </a:lnTo>
                  <a:lnTo>
                    <a:pt x="373" y="639"/>
                  </a:lnTo>
                  <a:lnTo>
                    <a:pt x="380" y="642"/>
                  </a:lnTo>
                  <a:lnTo>
                    <a:pt x="392" y="642"/>
                  </a:lnTo>
                  <a:lnTo>
                    <a:pt x="403" y="646"/>
                  </a:lnTo>
                  <a:lnTo>
                    <a:pt x="411" y="650"/>
                  </a:lnTo>
                  <a:lnTo>
                    <a:pt x="422" y="654"/>
                  </a:lnTo>
                  <a:lnTo>
                    <a:pt x="430" y="654"/>
                  </a:lnTo>
                  <a:lnTo>
                    <a:pt x="441" y="658"/>
                  </a:lnTo>
                  <a:lnTo>
                    <a:pt x="449" y="658"/>
                  </a:lnTo>
                  <a:lnTo>
                    <a:pt x="460" y="661"/>
                  </a:lnTo>
                  <a:lnTo>
                    <a:pt x="468" y="661"/>
                  </a:lnTo>
                  <a:lnTo>
                    <a:pt x="479" y="665"/>
                  </a:lnTo>
                  <a:lnTo>
                    <a:pt x="487" y="665"/>
                  </a:lnTo>
                  <a:lnTo>
                    <a:pt x="494" y="669"/>
                  </a:lnTo>
                  <a:lnTo>
                    <a:pt x="506" y="669"/>
                  </a:lnTo>
                  <a:lnTo>
                    <a:pt x="513" y="673"/>
                  </a:lnTo>
                  <a:lnTo>
                    <a:pt x="525" y="673"/>
                  </a:lnTo>
                  <a:lnTo>
                    <a:pt x="532" y="677"/>
                  </a:lnTo>
                  <a:lnTo>
                    <a:pt x="540" y="677"/>
                  </a:lnTo>
                  <a:lnTo>
                    <a:pt x="551" y="677"/>
                  </a:lnTo>
                  <a:lnTo>
                    <a:pt x="559" y="680"/>
                  </a:lnTo>
                  <a:lnTo>
                    <a:pt x="567" y="680"/>
                  </a:lnTo>
                  <a:lnTo>
                    <a:pt x="574" y="684"/>
                  </a:lnTo>
                  <a:lnTo>
                    <a:pt x="586" y="684"/>
                  </a:lnTo>
                  <a:lnTo>
                    <a:pt x="597" y="688"/>
                  </a:lnTo>
                  <a:lnTo>
                    <a:pt x="612" y="688"/>
                  </a:lnTo>
                  <a:lnTo>
                    <a:pt x="616" y="688"/>
                  </a:lnTo>
                  <a:lnTo>
                    <a:pt x="624" y="688"/>
                  </a:lnTo>
                  <a:lnTo>
                    <a:pt x="631" y="692"/>
                  </a:lnTo>
                  <a:lnTo>
                    <a:pt x="639" y="692"/>
                  </a:lnTo>
                  <a:lnTo>
                    <a:pt x="643" y="692"/>
                  </a:lnTo>
                  <a:lnTo>
                    <a:pt x="650" y="692"/>
                  </a:lnTo>
                  <a:lnTo>
                    <a:pt x="658" y="692"/>
                  </a:lnTo>
                  <a:lnTo>
                    <a:pt x="665" y="692"/>
                  </a:lnTo>
                  <a:lnTo>
                    <a:pt x="673" y="692"/>
                  </a:lnTo>
                  <a:lnTo>
                    <a:pt x="680" y="696"/>
                  </a:lnTo>
                  <a:lnTo>
                    <a:pt x="688" y="696"/>
                  </a:lnTo>
                  <a:lnTo>
                    <a:pt x="692" y="696"/>
                  </a:lnTo>
                  <a:lnTo>
                    <a:pt x="699" y="696"/>
                  </a:lnTo>
                  <a:lnTo>
                    <a:pt x="707" y="696"/>
                  </a:lnTo>
                  <a:lnTo>
                    <a:pt x="715" y="696"/>
                  </a:lnTo>
                  <a:lnTo>
                    <a:pt x="722" y="696"/>
                  </a:lnTo>
                  <a:lnTo>
                    <a:pt x="726" y="696"/>
                  </a:lnTo>
                  <a:lnTo>
                    <a:pt x="734" y="696"/>
                  </a:lnTo>
                  <a:lnTo>
                    <a:pt x="741" y="696"/>
                  </a:lnTo>
                  <a:lnTo>
                    <a:pt x="749" y="696"/>
                  </a:lnTo>
                  <a:lnTo>
                    <a:pt x="756" y="696"/>
                  </a:lnTo>
                  <a:lnTo>
                    <a:pt x="764" y="696"/>
                  </a:lnTo>
                  <a:lnTo>
                    <a:pt x="768" y="696"/>
                  </a:lnTo>
                  <a:lnTo>
                    <a:pt x="775" y="696"/>
                  </a:lnTo>
                  <a:lnTo>
                    <a:pt x="783" y="696"/>
                  </a:lnTo>
                  <a:lnTo>
                    <a:pt x="791" y="696"/>
                  </a:lnTo>
                  <a:lnTo>
                    <a:pt x="798" y="696"/>
                  </a:lnTo>
                  <a:lnTo>
                    <a:pt x="806" y="699"/>
                  </a:lnTo>
                  <a:lnTo>
                    <a:pt x="813" y="696"/>
                  </a:lnTo>
                  <a:lnTo>
                    <a:pt x="821" y="696"/>
                  </a:lnTo>
                  <a:lnTo>
                    <a:pt x="825" y="696"/>
                  </a:lnTo>
                  <a:lnTo>
                    <a:pt x="832" y="696"/>
                  </a:lnTo>
                  <a:lnTo>
                    <a:pt x="840" y="696"/>
                  </a:lnTo>
                  <a:lnTo>
                    <a:pt x="844" y="696"/>
                  </a:lnTo>
                  <a:lnTo>
                    <a:pt x="851" y="696"/>
                  </a:lnTo>
                  <a:lnTo>
                    <a:pt x="859" y="696"/>
                  </a:lnTo>
                  <a:lnTo>
                    <a:pt x="867" y="696"/>
                  </a:lnTo>
                  <a:lnTo>
                    <a:pt x="874" y="696"/>
                  </a:lnTo>
                  <a:lnTo>
                    <a:pt x="882" y="696"/>
                  </a:lnTo>
                  <a:lnTo>
                    <a:pt x="889" y="696"/>
                  </a:lnTo>
                  <a:lnTo>
                    <a:pt x="893" y="696"/>
                  </a:lnTo>
                  <a:lnTo>
                    <a:pt x="901" y="696"/>
                  </a:lnTo>
                  <a:lnTo>
                    <a:pt x="908" y="696"/>
                  </a:lnTo>
                  <a:lnTo>
                    <a:pt x="916" y="696"/>
                  </a:lnTo>
                  <a:lnTo>
                    <a:pt x="924" y="692"/>
                  </a:lnTo>
                  <a:lnTo>
                    <a:pt x="927" y="692"/>
                  </a:lnTo>
                  <a:lnTo>
                    <a:pt x="935" y="692"/>
                  </a:lnTo>
                  <a:lnTo>
                    <a:pt x="943" y="692"/>
                  </a:lnTo>
                  <a:lnTo>
                    <a:pt x="950" y="692"/>
                  </a:lnTo>
                  <a:lnTo>
                    <a:pt x="958" y="692"/>
                  </a:lnTo>
                  <a:lnTo>
                    <a:pt x="965" y="692"/>
                  </a:lnTo>
                  <a:lnTo>
                    <a:pt x="973" y="692"/>
                  </a:lnTo>
                  <a:lnTo>
                    <a:pt x="977" y="692"/>
                  </a:lnTo>
                  <a:lnTo>
                    <a:pt x="984" y="692"/>
                  </a:lnTo>
                  <a:lnTo>
                    <a:pt x="992" y="692"/>
                  </a:lnTo>
                  <a:lnTo>
                    <a:pt x="1000" y="692"/>
                  </a:lnTo>
                  <a:lnTo>
                    <a:pt x="1003" y="692"/>
                  </a:lnTo>
                  <a:lnTo>
                    <a:pt x="1011" y="692"/>
                  </a:lnTo>
                  <a:lnTo>
                    <a:pt x="1019" y="692"/>
                  </a:lnTo>
                  <a:lnTo>
                    <a:pt x="1026" y="692"/>
                  </a:lnTo>
                  <a:lnTo>
                    <a:pt x="1034" y="692"/>
                  </a:lnTo>
                  <a:lnTo>
                    <a:pt x="1045" y="692"/>
                  </a:lnTo>
                  <a:lnTo>
                    <a:pt x="1057" y="692"/>
                  </a:lnTo>
                  <a:lnTo>
                    <a:pt x="1068" y="696"/>
                  </a:lnTo>
                  <a:lnTo>
                    <a:pt x="1076" y="696"/>
                  </a:lnTo>
                  <a:lnTo>
                    <a:pt x="1087" y="696"/>
                  </a:lnTo>
                  <a:lnTo>
                    <a:pt x="1098" y="696"/>
                  </a:lnTo>
                  <a:lnTo>
                    <a:pt x="1110" y="699"/>
                  </a:lnTo>
                  <a:lnTo>
                    <a:pt x="1121" y="699"/>
                  </a:lnTo>
                  <a:lnTo>
                    <a:pt x="1133" y="699"/>
                  </a:lnTo>
                  <a:lnTo>
                    <a:pt x="1144" y="699"/>
                  </a:lnTo>
                  <a:lnTo>
                    <a:pt x="1155" y="703"/>
                  </a:lnTo>
                  <a:lnTo>
                    <a:pt x="1167" y="703"/>
                  </a:lnTo>
                  <a:lnTo>
                    <a:pt x="1178" y="707"/>
                  </a:lnTo>
                  <a:lnTo>
                    <a:pt x="1190" y="707"/>
                  </a:lnTo>
                  <a:lnTo>
                    <a:pt x="1205" y="707"/>
                  </a:lnTo>
                  <a:lnTo>
                    <a:pt x="1212" y="707"/>
                  </a:lnTo>
                  <a:lnTo>
                    <a:pt x="1228" y="711"/>
                  </a:lnTo>
                  <a:lnTo>
                    <a:pt x="1235" y="711"/>
                  </a:lnTo>
                  <a:lnTo>
                    <a:pt x="1250" y="711"/>
                  </a:lnTo>
                  <a:lnTo>
                    <a:pt x="1258" y="711"/>
                  </a:lnTo>
                  <a:lnTo>
                    <a:pt x="1273" y="711"/>
                  </a:lnTo>
                  <a:lnTo>
                    <a:pt x="1285" y="711"/>
                  </a:lnTo>
                  <a:lnTo>
                    <a:pt x="1296" y="715"/>
                  </a:lnTo>
                  <a:lnTo>
                    <a:pt x="1304" y="711"/>
                  </a:lnTo>
                  <a:lnTo>
                    <a:pt x="1315" y="711"/>
                  </a:lnTo>
                  <a:lnTo>
                    <a:pt x="1326" y="711"/>
                  </a:lnTo>
                  <a:lnTo>
                    <a:pt x="1338" y="711"/>
                  </a:lnTo>
                  <a:lnTo>
                    <a:pt x="1345" y="707"/>
                  </a:lnTo>
                  <a:lnTo>
                    <a:pt x="1357" y="707"/>
                  </a:lnTo>
                  <a:lnTo>
                    <a:pt x="1364" y="707"/>
                  </a:lnTo>
                  <a:lnTo>
                    <a:pt x="1376" y="703"/>
                  </a:lnTo>
                  <a:lnTo>
                    <a:pt x="1387" y="699"/>
                  </a:lnTo>
                  <a:lnTo>
                    <a:pt x="1395" y="699"/>
                  </a:lnTo>
                  <a:lnTo>
                    <a:pt x="1402" y="696"/>
                  </a:lnTo>
                  <a:lnTo>
                    <a:pt x="1410" y="692"/>
                  </a:lnTo>
                  <a:lnTo>
                    <a:pt x="1421" y="688"/>
                  </a:lnTo>
                  <a:lnTo>
                    <a:pt x="1429" y="684"/>
                  </a:lnTo>
                  <a:lnTo>
                    <a:pt x="1436" y="677"/>
                  </a:lnTo>
                  <a:lnTo>
                    <a:pt x="1440" y="665"/>
                  </a:lnTo>
                  <a:lnTo>
                    <a:pt x="1444" y="661"/>
                  </a:lnTo>
                  <a:lnTo>
                    <a:pt x="1448" y="654"/>
                  </a:lnTo>
                  <a:lnTo>
                    <a:pt x="1452" y="646"/>
                  </a:lnTo>
                  <a:lnTo>
                    <a:pt x="1455" y="639"/>
                  </a:lnTo>
                  <a:lnTo>
                    <a:pt x="1459" y="627"/>
                  </a:lnTo>
                  <a:lnTo>
                    <a:pt x="1463" y="620"/>
                  </a:lnTo>
                  <a:lnTo>
                    <a:pt x="1471" y="608"/>
                  </a:lnTo>
                  <a:lnTo>
                    <a:pt x="1474" y="601"/>
                  </a:lnTo>
                  <a:lnTo>
                    <a:pt x="1478" y="589"/>
                  </a:lnTo>
                  <a:lnTo>
                    <a:pt x="1482" y="578"/>
                  </a:lnTo>
                  <a:lnTo>
                    <a:pt x="1490" y="566"/>
                  </a:lnTo>
                  <a:lnTo>
                    <a:pt x="1493" y="559"/>
                  </a:lnTo>
                  <a:lnTo>
                    <a:pt x="1497" y="547"/>
                  </a:lnTo>
                  <a:lnTo>
                    <a:pt x="1501" y="536"/>
                  </a:lnTo>
                  <a:lnTo>
                    <a:pt x="1505" y="528"/>
                  </a:lnTo>
                  <a:lnTo>
                    <a:pt x="1512" y="517"/>
                  </a:lnTo>
                  <a:lnTo>
                    <a:pt x="1516" y="506"/>
                  </a:lnTo>
                  <a:lnTo>
                    <a:pt x="1524" y="498"/>
                  </a:lnTo>
                  <a:lnTo>
                    <a:pt x="1528" y="487"/>
                  </a:lnTo>
                  <a:lnTo>
                    <a:pt x="1535" y="479"/>
                  </a:lnTo>
                  <a:lnTo>
                    <a:pt x="1539" y="468"/>
                  </a:lnTo>
                  <a:lnTo>
                    <a:pt x="1543" y="456"/>
                  </a:lnTo>
                  <a:lnTo>
                    <a:pt x="1547" y="449"/>
                  </a:lnTo>
                  <a:lnTo>
                    <a:pt x="1554" y="437"/>
                  </a:lnTo>
                  <a:lnTo>
                    <a:pt x="1558" y="426"/>
                  </a:lnTo>
                  <a:lnTo>
                    <a:pt x="1566" y="418"/>
                  </a:lnTo>
                  <a:lnTo>
                    <a:pt x="1569" y="407"/>
                  </a:lnTo>
                  <a:lnTo>
                    <a:pt x="1577" y="399"/>
                  </a:lnTo>
                  <a:lnTo>
                    <a:pt x="1581" y="388"/>
                  </a:lnTo>
                  <a:lnTo>
                    <a:pt x="1588" y="380"/>
                  </a:lnTo>
                  <a:lnTo>
                    <a:pt x="1592" y="369"/>
                  </a:lnTo>
                  <a:lnTo>
                    <a:pt x="1600" y="361"/>
                  </a:lnTo>
                  <a:lnTo>
                    <a:pt x="1607" y="350"/>
                  </a:lnTo>
                  <a:lnTo>
                    <a:pt x="1611" y="342"/>
                  </a:lnTo>
                  <a:lnTo>
                    <a:pt x="1619" y="331"/>
                  </a:lnTo>
                  <a:lnTo>
                    <a:pt x="1626" y="323"/>
                  </a:lnTo>
                  <a:lnTo>
                    <a:pt x="1626" y="331"/>
                  </a:lnTo>
                  <a:lnTo>
                    <a:pt x="1630" y="335"/>
                  </a:lnTo>
                  <a:lnTo>
                    <a:pt x="1634" y="342"/>
                  </a:lnTo>
                  <a:lnTo>
                    <a:pt x="1638" y="350"/>
                  </a:lnTo>
                  <a:lnTo>
                    <a:pt x="1638" y="357"/>
                  </a:lnTo>
                  <a:lnTo>
                    <a:pt x="1642" y="361"/>
                  </a:lnTo>
                  <a:lnTo>
                    <a:pt x="1642" y="373"/>
                  </a:lnTo>
                  <a:lnTo>
                    <a:pt x="1645" y="380"/>
                  </a:lnTo>
                  <a:lnTo>
                    <a:pt x="1645" y="388"/>
                  </a:lnTo>
                  <a:lnTo>
                    <a:pt x="1645" y="395"/>
                  </a:lnTo>
                  <a:lnTo>
                    <a:pt x="1645" y="403"/>
                  </a:lnTo>
                  <a:lnTo>
                    <a:pt x="1649" y="414"/>
                  </a:lnTo>
                  <a:lnTo>
                    <a:pt x="1649" y="422"/>
                  </a:lnTo>
                  <a:lnTo>
                    <a:pt x="1649" y="430"/>
                  </a:lnTo>
                  <a:lnTo>
                    <a:pt x="1649" y="441"/>
                  </a:lnTo>
                  <a:lnTo>
                    <a:pt x="1649" y="452"/>
                  </a:lnTo>
                  <a:lnTo>
                    <a:pt x="1645" y="460"/>
                  </a:lnTo>
                  <a:lnTo>
                    <a:pt x="1645" y="468"/>
                  </a:lnTo>
                  <a:lnTo>
                    <a:pt x="1642" y="471"/>
                  </a:lnTo>
                  <a:lnTo>
                    <a:pt x="1642" y="479"/>
                  </a:lnTo>
                  <a:lnTo>
                    <a:pt x="1642" y="487"/>
                  </a:lnTo>
                  <a:lnTo>
                    <a:pt x="1642" y="494"/>
                  </a:lnTo>
                  <a:lnTo>
                    <a:pt x="1642" y="502"/>
                  </a:lnTo>
                  <a:lnTo>
                    <a:pt x="1642" y="509"/>
                  </a:lnTo>
                  <a:lnTo>
                    <a:pt x="1642" y="517"/>
                  </a:lnTo>
                  <a:lnTo>
                    <a:pt x="1638" y="525"/>
                  </a:lnTo>
                  <a:lnTo>
                    <a:pt x="1638" y="532"/>
                  </a:lnTo>
                  <a:lnTo>
                    <a:pt x="1638" y="540"/>
                  </a:lnTo>
                  <a:lnTo>
                    <a:pt x="1638" y="547"/>
                  </a:lnTo>
                  <a:lnTo>
                    <a:pt x="1638" y="551"/>
                  </a:lnTo>
                  <a:lnTo>
                    <a:pt x="1638" y="559"/>
                  </a:lnTo>
                  <a:lnTo>
                    <a:pt x="1638" y="570"/>
                  </a:lnTo>
                  <a:lnTo>
                    <a:pt x="1638" y="574"/>
                  </a:lnTo>
                  <a:lnTo>
                    <a:pt x="1638" y="582"/>
                  </a:lnTo>
                  <a:lnTo>
                    <a:pt x="1638" y="589"/>
                  </a:lnTo>
                  <a:lnTo>
                    <a:pt x="1638" y="597"/>
                  </a:lnTo>
                  <a:lnTo>
                    <a:pt x="1638" y="604"/>
                  </a:lnTo>
                  <a:lnTo>
                    <a:pt x="1638" y="612"/>
                  </a:lnTo>
                  <a:lnTo>
                    <a:pt x="1638" y="620"/>
                  </a:lnTo>
                  <a:lnTo>
                    <a:pt x="1638" y="627"/>
                  </a:lnTo>
                  <a:lnTo>
                    <a:pt x="1638" y="635"/>
                  </a:lnTo>
                  <a:lnTo>
                    <a:pt x="1638" y="642"/>
                  </a:lnTo>
                  <a:lnTo>
                    <a:pt x="1638" y="650"/>
                  </a:lnTo>
                  <a:lnTo>
                    <a:pt x="1642" y="658"/>
                  </a:lnTo>
                  <a:lnTo>
                    <a:pt x="1642" y="665"/>
                  </a:lnTo>
                  <a:lnTo>
                    <a:pt x="1642" y="673"/>
                  </a:lnTo>
                  <a:lnTo>
                    <a:pt x="1642" y="677"/>
                  </a:lnTo>
                  <a:lnTo>
                    <a:pt x="1642" y="688"/>
                  </a:lnTo>
                  <a:lnTo>
                    <a:pt x="1642" y="696"/>
                  </a:lnTo>
                  <a:lnTo>
                    <a:pt x="1642" y="703"/>
                  </a:lnTo>
                  <a:lnTo>
                    <a:pt x="1645" y="707"/>
                  </a:lnTo>
                  <a:lnTo>
                    <a:pt x="1645" y="715"/>
                  </a:lnTo>
                  <a:lnTo>
                    <a:pt x="1645" y="722"/>
                  </a:lnTo>
                  <a:lnTo>
                    <a:pt x="1645" y="730"/>
                  </a:lnTo>
                  <a:lnTo>
                    <a:pt x="1649" y="737"/>
                  </a:lnTo>
                  <a:lnTo>
                    <a:pt x="1649" y="745"/>
                  </a:lnTo>
                  <a:lnTo>
                    <a:pt x="1649" y="753"/>
                  </a:lnTo>
                  <a:lnTo>
                    <a:pt x="1653" y="760"/>
                  </a:lnTo>
                  <a:lnTo>
                    <a:pt x="1653" y="768"/>
                  </a:lnTo>
                  <a:lnTo>
                    <a:pt x="1653" y="775"/>
                  </a:lnTo>
                  <a:lnTo>
                    <a:pt x="1657" y="783"/>
                  </a:lnTo>
                  <a:lnTo>
                    <a:pt x="1657" y="787"/>
                  </a:lnTo>
                  <a:lnTo>
                    <a:pt x="1661" y="794"/>
                  </a:lnTo>
                  <a:lnTo>
                    <a:pt x="1661" y="802"/>
                  </a:lnTo>
                  <a:lnTo>
                    <a:pt x="1661" y="810"/>
                  </a:lnTo>
                  <a:lnTo>
                    <a:pt x="1664" y="817"/>
                  </a:lnTo>
                  <a:lnTo>
                    <a:pt x="1664" y="825"/>
                  </a:lnTo>
                  <a:lnTo>
                    <a:pt x="1668" y="832"/>
                  </a:lnTo>
                  <a:lnTo>
                    <a:pt x="1668" y="836"/>
                  </a:lnTo>
                  <a:lnTo>
                    <a:pt x="1672" y="844"/>
                  </a:lnTo>
                  <a:lnTo>
                    <a:pt x="1672" y="851"/>
                  </a:lnTo>
                  <a:lnTo>
                    <a:pt x="1676" y="859"/>
                  </a:lnTo>
                  <a:lnTo>
                    <a:pt x="1676" y="867"/>
                  </a:lnTo>
                  <a:lnTo>
                    <a:pt x="1680" y="870"/>
                  </a:lnTo>
                  <a:lnTo>
                    <a:pt x="1680" y="878"/>
                  </a:lnTo>
                  <a:lnTo>
                    <a:pt x="1683" y="886"/>
                  </a:lnTo>
                  <a:lnTo>
                    <a:pt x="1687" y="893"/>
                  </a:lnTo>
                  <a:lnTo>
                    <a:pt x="1687" y="901"/>
                  </a:lnTo>
                  <a:lnTo>
                    <a:pt x="1691" y="908"/>
                  </a:lnTo>
                  <a:lnTo>
                    <a:pt x="1695" y="916"/>
                  </a:lnTo>
                  <a:lnTo>
                    <a:pt x="1699" y="920"/>
                  </a:lnTo>
                  <a:lnTo>
                    <a:pt x="1702" y="924"/>
                  </a:lnTo>
                  <a:lnTo>
                    <a:pt x="1706" y="920"/>
                  </a:lnTo>
                  <a:lnTo>
                    <a:pt x="1710" y="912"/>
                  </a:lnTo>
                  <a:lnTo>
                    <a:pt x="1706" y="901"/>
                  </a:lnTo>
                  <a:lnTo>
                    <a:pt x="1706" y="889"/>
                  </a:lnTo>
                  <a:lnTo>
                    <a:pt x="1702" y="882"/>
                  </a:lnTo>
                  <a:lnTo>
                    <a:pt x="1702" y="870"/>
                  </a:lnTo>
                  <a:lnTo>
                    <a:pt x="1699" y="863"/>
                  </a:lnTo>
                  <a:lnTo>
                    <a:pt x="1699" y="851"/>
                  </a:lnTo>
                  <a:lnTo>
                    <a:pt x="1699" y="840"/>
                  </a:lnTo>
                  <a:lnTo>
                    <a:pt x="1699" y="832"/>
                  </a:lnTo>
                  <a:lnTo>
                    <a:pt x="1695" y="821"/>
                  </a:lnTo>
                  <a:lnTo>
                    <a:pt x="1695" y="813"/>
                  </a:lnTo>
                  <a:lnTo>
                    <a:pt x="1695" y="802"/>
                  </a:lnTo>
                  <a:lnTo>
                    <a:pt x="1695" y="791"/>
                  </a:lnTo>
                  <a:lnTo>
                    <a:pt x="1691" y="783"/>
                  </a:lnTo>
                  <a:lnTo>
                    <a:pt x="1691" y="772"/>
                  </a:lnTo>
                  <a:lnTo>
                    <a:pt x="1691" y="760"/>
                  </a:lnTo>
                  <a:lnTo>
                    <a:pt x="1691" y="753"/>
                  </a:lnTo>
                  <a:lnTo>
                    <a:pt x="1691" y="741"/>
                  </a:lnTo>
                  <a:lnTo>
                    <a:pt x="1691" y="734"/>
                  </a:lnTo>
                  <a:lnTo>
                    <a:pt x="1687" y="722"/>
                  </a:lnTo>
                  <a:lnTo>
                    <a:pt x="1687" y="715"/>
                  </a:lnTo>
                  <a:lnTo>
                    <a:pt x="1687" y="703"/>
                  </a:lnTo>
                  <a:lnTo>
                    <a:pt x="1687" y="696"/>
                  </a:lnTo>
                  <a:lnTo>
                    <a:pt x="1687" y="684"/>
                  </a:lnTo>
                  <a:lnTo>
                    <a:pt x="1687" y="677"/>
                  </a:lnTo>
                  <a:lnTo>
                    <a:pt x="1687" y="665"/>
                  </a:lnTo>
                  <a:lnTo>
                    <a:pt x="1687" y="658"/>
                  </a:lnTo>
                  <a:lnTo>
                    <a:pt x="1687" y="646"/>
                  </a:lnTo>
                  <a:lnTo>
                    <a:pt x="1687" y="639"/>
                  </a:lnTo>
                  <a:lnTo>
                    <a:pt x="1687" y="627"/>
                  </a:lnTo>
                  <a:lnTo>
                    <a:pt x="1687" y="620"/>
                  </a:lnTo>
                  <a:lnTo>
                    <a:pt x="1687" y="608"/>
                  </a:lnTo>
                  <a:lnTo>
                    <a:pt x="1687" y="601"/>
                  </a:lnTo>
                  <a:lnTo>
                    <a:pt x="1687" y="589"/>
                  </a:lnTo>
                  <a:lnTo>
                    <a:pt x="1687" y="582"/>
                  </a:lnTo>
                  <a:lnTo>
                    <a:pt x="1687" y="570"/>
                  </a:lnTo>
                  <a:lnTo>
                    <a:pt x="1687" y="563"/>
                  </a:lnTo>
                  <a:lnTo>
                    <a:pt x="1687" y="551"/>
                  </a:lnTo>
                  <a:lnTo>
                    <a:pt x="1687" y="544"/>
                  </a:lnTo>
                  <a:lnTo>
                    <a:pt x="1687" y="532"/>
                  </a:lnTo>
                  <a:lnTo>
                    <a:pt x="1687" y="521"/>
                  </a:lnTo>
                  <a:lnTo>
                    <a:pt x="1683" y="513"/>
                  </a:lnTo>
                  <a:lnTo>
                    <a:pt x="1683" y="502"/>
                  </a:lnTo>
                  <a:lnTo>
                    <a:pt x="1683" y="494"/>
                  </a:lnTo>
                  <a:lnTo>
                    <a:pt x="1683" y="483"/>
                  </a:lnTo>
                  <a:lnTo>
                    <a:pt x="1683" y="475"/>
                  </a:lnTo>
                  <a:lnTo>
                    <a:pt x="1683" y="464"/>
                  </a:lnTo>
                  <a:lnTo>
                    <a:pt x="1683" y="456"/>
                  </a:lnTo>
                  <a:lnTo>
                    <a:pt x="1683" y="445"/>
                  </a:lnTo>
                  <a:lnTo>
                    <a:pt x="1683" y="437"/>
                  </a:lnTo>
                  <a:lnTo>
                    <a:pt x="1683" y="426"/>
                  </a:lnTo>
                  <a:lnTo>
                    <a:pt x="1683" y="414"/>
                  </a:lnTo>
                  <a:lnTo>
                    <a:pt x="1683" y="407"/>
                  </a:lnTo>
                  <a:lnTo>
                    <a:pt x="1680" y="395"/>
                  </a:lnTo>
                  <a:lnTo>
                    <a:pt x="1680" y="388"/>
                  </a:lnTo>
                  <a:lnTo>
                    <a:pt x="1680" y="376"/>
                  </a:lnTo>
                  <a:lnTo>
                    <a:pt x="1680" y="369"/>
                  </a:lnTo>
                  <a:lnTo>
                    <a:pt x="1680" y="357"/>
                  </a:lnTo>
                  <a:lnTo>
                    <a:pt x="1680" y="350"/>
                  </a:lnTo>
                  <a:lnTo>
                    <a:pt x="1676" y="338"/>
                  </a:lnTo>
                  <a:lnTo>
                    <a:pt x="1676" y="331"/>
                  </a:lnTo>
                  <a:lnTo>
                    <a:pt x="1676" y="319"/>
                  </a:lnTo>
                  <a:lnTo>
                    <a:pt x="1676" y="312"/>
                  </a:lnTo>
                  <a:lnTo>
                    <a:pt x="1676" y="300"/>
                  </a:lnTo>
                  <a:lnTo>
                    <a:pt x="1676" y="293"/>
                  </a:lnTo>
                  <a:lnTo>
                    <a:pt x="1676" y="293"/>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8" name="Freeform 26"/>
            <p:cNvSpPr>
              <a:spLocks/>
            </p:cNvSpPr>
            <p:nvPr/>
          </p:nvSpPr>
          <p:spPr bwMode="auto">
            <a:xfrm>
              <a:off x="1536" y="3245"/>
              <a:ext cx="1671" cy="608"/>
            </a:xfrm>
            <a:custGeom>
              <a:avLst/>
              <a:gdLst/>
              <a:ahLst/>
              <a:cxnLst>
                <a:cxn ang="0">
                  <a:pos x="22" y="34"/>
                </a:cxn>
                <a:cxn ang="0">
                  <a:pos x="11" y="76"/>
                </a:cxn>
                <a:cxn ang="0">
                  <a:pos x="0" y="118"/>
                </a:cxn>
                <a:cxn ang="0">
                  <a:pos x="0" y="156"/>
                </a:cxn>
                <a:cxn ang="0">
                  <a:pos x="3" y="197"/>
                </a:cxn>
                <a:cxn ang="0">
                  <a:pos x="15" y="232"/>
                </a:cxn>
                <a:cxn ang="0">
                  <a:pos x="30" y="270"/>
                </a:cxn>
                <a:cxn ang="0">
                  <a:pos x="49" y="308"/>
                </a:cxn>
                <a:cxn ang="0">
                  <a:pos x="76" y="338"/>
                </a:cxn>
                <a:cxn ang="0">
                  <a:pos x="102" y="368"/>
                </a:cxn>
                <a:cxn ang="0">
                  <a:pos x="133" y="399"/>
                </a:cxn>
                <a:cxn ang="0">
                  <a:pos x="167" y="429"/>
                </a:cxn>
                <a:cxn ang="0">
                  <a:pos x="205" y="452"/>
                </a:cxn>
                <a:cxn ang="0">
                  <a:pos x="243" y="475"/>
                </a:cxn>
                <a:cxn ang="0">
                  <a:pos x="285" y="494"/>
                </a:cxn>
                <a:cxn ang="0">
                  <a:pos x="326" y="517"/>
                </a:cxn>
                <a:cxn ang="0">
                  <a:pos x="395" y="536"/>
                </a:cxn>
                <a:cxn ang="0">
                  <a:pos x="471" y="558"/>
                </a:cxn>
                <a:cxn ang="0">
                  <a:pos x="551" y="574"/>
                </a:cxn>
                <a:cxn ang="0">
                  <a:pos x="634" y="589"/>
                </a:cxn>
                <a:cxn ang="0">
                  <a:pos x="718" y="596"/>
                </a:cxn>
                <a:cxn ang="0">
                  <a:pos x="805" y="604"/>
                </a:cxn>
                <a:cxn ang="0">
                  <a:pos x="892" y="608"/>
                </a:cxn>
                <a:cxn ang="0">
                  <a:pos x="980" y="608"/>
                </a:cxn>
                <a:cxn ang="0">
                  <a:pos x="1063" y="604"/>
                </a:cxn>
                <a:cxn ang="0">
                  <a:pos x="1151" y="596"/>
                </a:cxn>
                <a:cxn ang="0">
                  <a:pos x="1238" y="589"/>
                </a:cxn>
                <a:cxn ang="0">
                  <a:pos x="1322" y="574"/>
                </a:cxn>
                <a:cxn ang="0">
                  <a:pos x="1405" y="562"/>
                </a:cxn>
                <a:cxn ang="0">
                  <a:pos x="1485" y="543"/>
                </a:cxn>
                <a:cxn ang="0">
                  <a:pos x="1565" y="524"/>
                </a:cxn>
                <a:cxn ang="0">
                  <a:pos x="1645" y="501"/>
                </a:cxn>
                <a:cxn ang="0">
                  <a:pos x="1671" y="479"/>
                </a:cxn>
                <a:cxn ang="0">
                  <a:pos x="1660" y="460"/>
                </a:cxn>
                <a:cxn ang="0">
                  <a:pos x="1595" y="479"/>
                </a:cxn>
                <a:cxn ang="0">
                  <a:pos x="1500" y="501"/>
                </a:cxn>
                <a:cxn ang="0">
                  <a:pos x="1390" y="520"/>
                </a:cxn>
                <a:cxn ang="0">
                  <a:pos x="1265" y="536"/>
                </a:cxn>
                <a:cxn ang="0">
                  <a:pos x="1124" y="547"/>
                </a:cxn>
                <a:cxn ang="0">
                  <a:pos x="984" y="555"/>
                </a:cxn>
                <a:cxn ang="0">
                  <a:pos x="835" y="551"/>
                </a:cxn>
                <a:cxn ang="0">
                  <a:pos x="691" y="543"/>
                </a:cxn>
                <a:cxn ang="0">
                  <a:pos x="551" y="524"/>
                </a:cxn>
                <a:cxn ang="0">
                  <a:pos x="421" y="494"/>
                </a:cxn>
                <a:cxn ang="0">
                  <a:pos x="300" y="452"/>
                </a:cxn>
                <a:cxn ang="0">
                  <a:pos x="201" y="403"/>
                </a:cxn>
                <a:cxn ang="0">
                  <a:pos x="117" y="334"/>
                </a:cxn>
                <a:cxn ang="0">
                  <a:pos x="64" y="251"/>
                </a:cxn>
                <a:cxn ang="0">
                  <a:pos x="34" y="152"/>
                </a:cxn>
                <a:cxn ang="0">
                  <a:pos x="41" y="34"/>
                </a:cxn>
                <a:cxn ang="0">
                  <a:pos x="41" y="4"/>
                </a:cxn>
              </a:cxnLst>
              <a:rect l="0" t="0" r="r" b="b"/>
              <a:pathLst>
                <a:path w="1671" h="608">
                  <a:moveTo>
                    <a:pt x="41" y="4"/>
                  </a:moveTo>
                  <a:lnTo>
                    <a:pt x="34" y="11"/>
                  </a:lnTo>
                  <a:lnTo>
                    <a:pt x="30" y="23"/>
                  </a:lnTo>
                  <a:lnTo>
                    <a:pt x="22" y="34"/>
                  </a:lnTo>
                  <a:lnTo>
                    <a:pt x="22" y="45"/>
                  </a:lnTo>
                  <a:lnTo>
                    <a:pt x="15" y="53"/>
                  </a:lnTo>
                  <a:lnTo>
                    <a:pt x="11" y="64"/>
                  </a:lnTo>
                  <a:lnTo>
                    <a:pt x="11" y="76"/>
                  </a:lnTo>
                  <a:lnTo>
                    <a:pt x="7" y="87"/>
                  </a:lnTo>
                  <a:lnTo>
                    <a:pt x="3" y="95"/>
                  </a:lnTo>
                  <a:lnTo>
                    <a:pt x="3" y="106"/>
                  </a:lnTo>
                  <a:lnTo>
                    <a:pt x="0" y="118"/>
                  </a:lnTo>
                  <a:lnTo>
                    <a:pt x="0" y="125"/>
                  </a:lnTo>
                  <a:lnTo>
                    <a:pt x="0" y="137"/>
                  </a:lnTo>
                  <a:lnTo>
                    <a:pt x="0" y="148"/>
                  </a:lnTo>
                  <a:lnTo>
                    <a:pt x="0" y="156"/>
                  </a:lnTo>
                  <a:lnTo>
                    <a:pt x="0" y="167"/>
                  </a:lnTo>
                  <a:lnTo>
                    <a:pt x="0" y="175"/>
                  </a:lnTo>
                  <a:lnTo>
                    <a:pt x="3" y="186"/>
                  </a:lnTo>
                  <a:lnTo>
                    <a:pt x="3" y="197"/>
                  </a:lnTo>
                  <a:lnTo>
                    <a:pt x="7" y="205"/>
                  </a:lnTo>
                  <a:lnTo>
                    <a:pt x="7" y="213"/>
                  </a:lnTo>
                  <a:lnTo>
                    <a:pt x="11" y="224"/>
                  </a:lnTo>
                  <a:lnTo>
                    <a:pt x="15" y="232"/>
                  </a:lnTo>
                  <a:lnTo>
                    <a:pt x="19" y="243"/>
                  </a:lnTo>
                  <a:lnTo>
                    <a:pt x="22" y="251"/>
                  </a:lnTo>
                  <a:lnTo>
                    <a:pt x="26" y="262"/>
                  </a:lnTo>
                  <a:lnTo>
                    <a:pt x="30" y="270"/>
                  </a:lnTo>
                  <a:lnTo>
                    <a:pt x="34" y="281"/>
                  </a:lnTo>
                  <a:lnTo>
                    <a:pt x="38" y="289"/>
                  </a:lnTo>
                  <a:lnTo>
                    <a:pt x="45" y="296"/>
                  </a:lnTo>
                  <a:lnTo>
                    <a:pt x="49" y="308"/>
                  </a:lnTo>
                  <a:lnTo>
                    <a:pt x="57" y="315"/>
                  </a:lnTo>
                  <a:lnTo>
                    <a:pt x="60" y="323"/>
                  </a:lnTo>
                  <a:lnTo>
                    <a:pt x="68" y="330"/>
                  </a:lnTo>
                  <a:lnTo>
                    <a:pt x="76" y="338"/>
                  </a:lnTo>
                  <a:lnTo>
                    <a:pt x="79" y="346"/>
                  </a:lnTo>
                  <a:lnTo>
                    <a:pt x="87" y="353"/>
                  </a:lnTo>
                  <a:lnTo>
                    <a:pt x="95" y="365"/>
                  </a:lnTo>
                  <a:lnTo>
                    <a:pt x="102" y="368"/>
                  </a:lnTo>
                  <a:lnTo>
                    <a:pt x="110" y="380"/>
                  </a:lnTo>
                  <a:lnTo>
                    <a:pt x="117" y="387"/>
                  </a:lnTo>
                  <a:lnTo>
                    <a:pt x="125" y="391"/>
                  </a:lnTo>
                  <a:lnTo>
                    <a:pt x="133" y="399"/>
                  </a:lnTo>
                  <a:lnTo>
                    <a:pt x="140" y="406"/>
                  </a:lnTo>
                  <a:lnTo>
                    <a:pt x="152" y="414"/>
                  </a:lnTo>
                  <a:lnTo>
                    <a:pt x="159" y="422"/>
                  </a:lnTo>
                  <a:lnTo>
                    <a:pt x="167" y="429"/>
                  </a:lnTo>
                  <a:lnTo>
                    <a:pt x="178" y="437"/>
                  </a:lnTo>
                  <a:lnTo>
                    <a:pt x="186" y="441"/>
                  </a:lnTo>
                  <a:lnTo>
                    <a:pt x="197" y="448"/>
                  </a:lnTo>
                  <a:lnTo>
                    <a:pt x="205" y="452"/>
                  </a:lnTo>
                  <a:lnTo>
                    <a:pt x="212" y="460"/>
                  </a:lnTo>
                  <a:lnTo>
                    <a:pt x="224" y="463"/>
                  </a:lnTo>
                  <a:lnTo>
                    <a:pt x="231" y="471"/>
                  </a:lnTo>
                  <a:lnTo>
                    <a:pt x="243" y="475"/>
                  </a:lnTo>
                  <a:lnTo>
                    <a:pt x="254" y="482"/>
                  </a:lnTo>
                  <a:lnTo>
                    <a:pt x="266" y="486"/>
                  </a:lnTo>
                  <a:lnTo>
                    <a:pt x="273" y="494"/>
                  </a:lnTo>
                  <a:lnTo>
                    <a:pt x="285" y="494"/>
                  </a:lnTo>
                  <a:lnTo>
                    <a:pt x="296" y="501"/>
                  </a:lnTo>
                  <a:lnTo>
                    <a:pt x="307" y="505"/>
                  </a:lnTo>
                  <a:lnTo>
                    <a:pt x="319" y="509"/>
                  </a:lnTo>
                  <a:lnTo>
                    <a:pt x="326" y="517"/>
                  </a:lnTo>
                  <a:lnTo>
                    <a:pt x="338" y="520"/>
                  </a:lnTo>
                  <a:lnTo>
                    <a:pt x="357" y="524"/>
                  </a:lnTo>
                  <a:lnTo>
                    <a:pt x="376" y="532"/>
                  </a:lnTo>
                  <a:lnTo>
                    <a:pt x="395" y="536"/>
                  </a:lnTo>
                  <a:lnTo>
                    <a:pt x="414" y="543"/>
                  </a:lnTo>
                  <a:lnTo>
                    <a:pt x="433" y="547"/>
                  </a:lnTo>
                  <a:lnTo>
                    <a:pt x="452" y="551"/>
                  </a:lnTo>
                  <a:lnTo>
                    <a:pt x="471" y="558"/>
                  </a:lnTo>
                  <a:lnTo>
                    <a:pt x="494" y="562"/>
                  </a:lnTo>
                  <a:lnTo>
                    <a:pt x="513" y="566"/>
                  </a:lnTo>
                  <a:lnTo>
                    <a:pt x="532" y="570"/>
                  </a:lnTo>
                  <a:lnTo>
                    <a:pt x="551" y="574"/>
                  </a:lnTo>
                  <a:lnTo>
                    <a:pt x="573" y="577"/>
                  </a:lnTo>
                  <a:lnTo>
                    <a:pt x="592" y="581"/>
                  </a:lnTo>
                  <a:lnTo>
                    <a:pt x="615" y="585"/>
                  </a:lnTo>
                  <a:lnTo>
                    <a:pt x="634" y="589"/>
                  </a:lnTo>
                  <a:lnTo>
                    <a:pt x="657" y="593"/>
                  </a:lnTo>
                  <a:lnTo>
                    <a:pt x="676" y="593"/>
                  </a:lnTo>
                  <a:lnTo>
                    <a:pt x="699" y="596"/>
                  </a:lnTo>
                  <a:lnTo>
                    <a:pt x="718" y="596"/>
                  </a:lnTo>
                  <a:lnTo>
                    <a:pt x="740" y="600"/>
                  </a:lnTo>
                  <a:lnTo>
                    <a:pt x="763" y="600"/>
                  </a:lnTo>
                  <a:lnTo>
                    <a:pt x="782" y="604"/>
                  </a:lnTo>
                  <a:lnTo>
                    <a:pt x="805" y="604"/>
                  </a:lnTo>
                  <a:lnTo>
                    <a:pt x="828" y="608"/>
                  </a:lnTo>
                  <a:lnTo>
                    <a:pt x="847" y="608"/>
                  </a:lnTo>
                  <a:lnTo>
                    <a:pt x="870" y="608"/>
                  </a:lnTo>
                  <a:lnTo>
                    <a:pt x="892" y="608"/>
                  </a:lnTo>
                  <a:lnTo>
                    <a:pt x="915" y="608"/>
                  </a:lnTo>
                  <a:lnTo>
                    <a:pt x="934" y="608"/>
                  </a:lnTo>
                  <a:lnTo>
                    <a:pt x="957" y="608"/>
                  </a:lnTo>
                  <a:lnTo>
                    <a:pt x="980" y="608"/>
                  </a:lnTo>
                  <a:lnTo>
                    <a:pt x="999" y="608"/>
                  </a:lnTo>
                  <a:lnTo>
                    <a:pt x="1022" y="604"/>
                  </a:lnTo>
                  <a:lnTo>
                    <a:pt x="1044" y="604"/>
                  </a:lnTo>
                  <a:lnTo>
                    <a:pt x="1063" y="604"/>
                  </a:lnTo>
                  <a:lnTo>
                    <a:pt x="1086" y="604"/>
                  </a:lnTo>
                  <a:lnTo>
                    <a:pt x="1109" y="600"/>
                  </a:lnTo>
                  <a:lnTo>
                    <a:pt x="1128" y="600"/>
                  </a:lnTo>
                  <a:lnTo>
                    <a:pt x="1151" y="596"/>
                  </a:lnTo>
                  <a:lnTo>
                    <a:pt x="1174" y="596"/>
                  </a:lnTo>
                  <a:lnTo>
                    <a:pt x="1193" y="593"/>
                  </a:lnTo>
                  <a:lnTo>
                    <a:pt x="1215" y="589"/>
                  </a:lnTo>
                  <a:lnTo>
                    <a:pt x="1238" y="589"/>
                  </a:lnTo>
                  <a:lnTo>
                    <a:pt x="1257" y="585"/>
                  </a:lnTo>
                  <a:lnTo>
                    <a:pt x="1280" y="581"/>
                  </a:lnTo>
                  <a:lnTo>
                    <a:pt x="1303" y="577"/>
                  </a:lnTo>
                  <a:lnTo>
                    <a:pt x="1322" y="574"/>
                  </a:lnTo>
                  <a:lnTo>
                    <a:pt x="1345" y="574"/>
                  </a:lnTo>
                  <a:lnTo>
                    <a:pt x="1364" y="570"/>
                  </a:lnTo>
                  <a:lnTo>
                    <a:pt x="1386" y="566"/>
                  </a:lnTo>
                  <a:lnTo>
                    <a:pt x="1405" y="562"/>
                  </a:lnTo>
                  <a:lnTo>
                    <a:pt x="1428" y="558"/>
                  </a:lnTo>
                  <a:lnTo>
                    <a:pt x="1447" y="551"/>
                  </a:lnTo>
                  <a:lnTo>
                    <a:pt x="1466" y="547"/>
                  </a:lnTo>
                  <a:lnTo>
                    <a:pt x="1485" y="543"/>
                  </a:lnTo>
                  <a:lnTo>
                    <a:pt x="1508" y="539"/>
                  </a:lnTo>
                  <a:lnTo>
                    <a:pt x="1527" y="532"/>
                  </a:lnTo>
                  <a:lnTo>
                    <a:pt x="1546" y="528"/>
                  </a:lnTo>
                  <a:lnTo>
                    <a:pt x="1565" y="524"/>
                  </a:lnTo>
                  <a:lnTo>
                    <a:pt x="1588" y="520"/>
                  </a:lnTo>
                  <a:lnTo>
                    <a:pt x="1607" y="513"/>
                  </a:lnTo>
                  <a:lnTo>
                    <a:pt x="1626" y="509"/>
                  </a:lnTo>
                  <a:lnTo>
                    <a:pt x="1645" y="501"/>
                  </a:lnTo>
                  <a:lnTo>
                    <a:pt x="1664" y="498"/>
                  </a:lnTo>
                  <a:lnTo>
                    <a:pt x="1667" y="494"/>
                  </a:lnTo>
                  <a:lnTo>
                    <a:pt x="1671" y="486"/>
                  </a:lnTo>
                  <a:lnTo>
                    <a:pt x="1671" y="479"/>
                  </a:lnTo>
                  <a:lnTo>
                    <a:pt x="1671" y="475"/>
                  </a:lnTo>
                  <a:lnTo>
                    <a:pt x="1667" y="467"/>
                  </a:lnTo>
                  <a:lnTo>
                    <a:pt x="1664" y="463"/>
                  </a:lnTo>
                  <a:lnTo>
                    <a:pt x="1660" y="460"/>
                  </a:lnTo>
                  <a:lnTo>
                    <a:pt x="1652" y="463"/>
                  </a:lnTo>
                  <a:lnTo>
                    <a:pt x="1633" y="467"/>
                  </a:lnTo>
                  <a:lnTo>
                    <a:pt x="1614" y="475"/>
                  </a:lnTo>
                  <a:lnTo>
                    <a:pt x="1595" y="479"/>
                  </a:lnTo>
                  <a:lnTo>
                    <a:pt x="1576" y="486"/>
                  </a:lnTo>
                  <a:lnTo>
                    <a:pt x="1550" y="490"/>
                  </a:lnTo>
                  <a:lnTo>
                    <a:pt x="1527" y="494"/>
                  </a:lnTo>
                  <a:lnTo>
                    <a:pt x="1500" y="501"/>
                  </a:lnTo>
                  <a:lnTo>
                    <a:pt x="1477" y="505"/>
                  </a:lnTo>
                  <a:lnTo>
                    <a:pt x="1447" y="509"/>
                  </a:lnTo>
                  <a:lnTo>
                    <a:pt x="1420" y="517"/>
                  </a:lnTo>
                  <a:lnTo>
                    <a:pt x="1390" y="520"/>
                  </a:lnTo>
                  <a:lnTo>
                    <a:pt x="1360" y="524"/>
                  </a:lnTo>
                  <a:lnTo>
                    <a:pt x="1329" y="528"/>
                  </a:lnTo>
                  <a:lnTo>
                    <a:pt x="1295" y="532"/>
                  </a:lnTo>
                  <a:lnTo>
                    <a:pt x="1265" y="536"/>
                  </a:lnTo>
                  <a:lnTo>
                    <a:pt x="1231" y="539"/>
                  </a:lnTo>
                  <a:lnTo>
                    <a:pt x="1196" y="543"/>
                  </a:lnTo>
                  <a:lnTo>
                    <a:pt x="1162" y="547"/>
                  </a:lnTo>
                  <a:lnTo>
                    <a:pt x="1124" y="547"/>
                  </a:lnTo>
                  <a:lnTo>
                    <a:pt x="1090" y="551"/>
                  </a:lnTo>
                  <a:lnTo>
                    <a:pt x="1056" y="551"/>
                  </a:lnTo>
                  <a:lnTo>
                    <a:pt x="1018" y="551"/>
                  </a:lnTo>
                  <a:lnTo>
                    <a:pt x="984" y="555"/>
                  </a:lnTo>
                  <a:lnTo>
                    <a:pt x="946" y="555"/>
                  </a:lnTo>
                  <a:lnTo>
                    <a:pt x="911" y="555"/>
                  </a:lnTo>
                  <a:lnTo>
                    <a:pt x="873" y="555"/>
                  </a:lnTo>
                  <a:lnTo>
                    <a:pt x="835" y="551"/>
                  </a:lnTo>
                  <a:lnTo>
                    <a:pt x="801" y="551"/>
                  </a:lnTo>
                  <a:lnTo>
                    <a:pt x="763" y="547"/>
                  </a:lnTo>
                  <a:lnTo>
                    <a:pt x="729" y="547"/>
                  </a:lnTo>
                  <a:lnTo>
                    <a:pt x="691" y="543"/>
                  </a:lnTo>
                  <a:lnTo>
                    <a:pt x="657" y="539"/>
                  </a:lnTo>
                  <a:lnTo>
                    <a:pt x="623" y="536"/>
                  </a:lnTo>
                  <a:lnTo>
                    <a:pt x="585" y="528"/>
                  </a:lnTo>
                  <a:lnTo>
                    <a:pt x="551" y="524"/>
                  </a:lnTo>
                  <a:lnTo>
                    <a:pt x="516" y="520"/>
                  </a:lnTo>
                  <a:lnTo>
                    <a:pt x="486" y="509"/>
                  </a:lnTo>
                  <a:lnTo>
                    <a:pt x="452" y="501"/>
                  </a:lnTo>
                  <a:lnTo>
                    <a:pt x="421" y="494"/>
                  </a:lnTo>
                  <a:lnTo>
                    <a:pt x="391" y="486"/>
                  </a:lnTo>
                  <a:lnTo>
                    <a:pt x="357" y="475"/>
                  </a:lnTo>
                  <a:lnTo>
                    <a:pt x="330" y="467"/>
                  </a:lnTo>
                  <a:lnTo>
                    <a:pt x="300" y="452"/>
                  </a:lnTo>
                  <a:lnTo>
                    <a:pt x="273" y="441"/>
                  </a:lnTo>
                  <a:lnTo>
                    <a:pt x="250" y="429"/>
                  </a:lnTo>
                  <a:lnTo>
                    <a:pt x="224" y="418"/>
                  </a:lnTo>
                  <a:lnTo>
                    <a:pt x="201" y="403"/>
                  </a:lnTo>
                  <a:lnTo>
                    <a:pt x="178" y="387"/>
                  </a:lnTo>
                  <a:lnTo>
                    <a:pt x="155" y="368"/>
                  </a:lnTo>
                  <a:lnTo>
                    <a:pt x="136" y="353"/>
                  </a:lnTo>
                  <a:lnTo>
                    <a:pt x="117" y="334"/>
                  </a:lnTo>
                  <a:lnTo>
                    <a:pt x="102" y="315"/>
                  </a:lnTo>
                  <a:lnTo>
                    <a:pt x="87" y="292"/>
                  </a:lnTo>
                  <a:lnTo>
                    <a:pt x="76" y="273"/>
                  </a:lnTo>
                  <a:lnTo>
                    <a:pt x="64" y="251"/>
                  </a:lnTo>
                  <a:lnTo>
                    <a:pt x="53" y="228"/>
                  </a:lnTo>
                  <a:lnTo>
                    <a:pt x="45" y="201"/>
                  </a:lnTo>
                  <a:lnTo>
                    <a:pt x="41" y="175"/>
                  </a:lnTo>
                  <a:lnTo>
                    <a:pt x="34" y="152"/>
                  </a:lnTo>
                  <a:lnTo>
                    <a:pt x="34" y="125"/>
                  </a:lnTo>
                  <a:lnTo>
                    <a:pt x="34" y="95"/>
                  </a:lnTo>
                  <a:lnTo>
                    <a:pt x="38" y="64"/>
                  </a:lnTo>
                  <a:lnTo>
                    <a:pt x="41" y="34"/>
                  </a:lnTo>
                  <a:lnTo>
                    <a:pt x="49" y="4"/>
                  </a:lnTo>
                  <a:lnTo>
                    <a:pt x="45" y="0"/>
                  </a:lnTo>
                  <a:lnTo>
                    <a:pt x="41" y="4"/>
                  </a:lnTo>
                  <a:lnTo>
                    <a:pt x="41" y="4"/>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79" name="Freeform 27"/>
            <p:cNvSpPr>
              <a:spLocks/>
            </p:cNvSpPr>
            <p:nvPr/>
          </p:nvSpPr>
          <p:spPr bwMode="auto">
            <a:xfrm>
              <a:off x="2030" y="3176"/>
              <a:ext cx="284" cy="168"/>
            </a:xfrm>
            <a:custGeom>
              <a:avLst/>
              <a:gdLst/>
              <a:ahLst/>
              <a:cxnLst>
                <a:cxn ang="0">
                  <a:pos x="265" y="65"/>
                </a:cxn>
                <a:cxn ang="0">
                  <a:pos x="250" y="76"/>
                </a:cxn>
                <a:cxn ang="0">
                  <a:pos x="243" y="95"/>
                </a:cxn>
                <a:cxn ang="0">
                  <a:pos x="239" y="118"/>
                </a:cxn>
                <a:cxn ang="0">
                  <a:pos x="212" y="118"/>
                </a:cxn>
                <a:cxn ang="0">
                  <a:pos x="178" y="111"/>
                </a:cxn>
                <a:cxn ang="0">
                  <a:pos x="144" y="103"/>
                </a:cxn>
                <a:cxn ang="0">
                  <a:pos x="106" y="95"/>
                </a:cxn>
                <a:cxn ang="0">
                  <a:pos x="72" y="92"/>
                </a:cxn>
                <a:cxn ang="0">
                  <a:pos x="49" y="80"/>
                </a:cxn>
                <a:cxn ang="0">
                  <a:pos x="57" y="50"/>
                </a:cxn>
                <a:cxn ang="0">
                  <a:pos x="87" y="46"/>
                </a:cxn>
                <a:cxn ang="0">
                  <a:pos x="110" y="46"/>
                </a:cxn>
                <a:cxn ang="0">
                  <a:pos x="129" y="46"/>
                </a:cxn>
                <a:cxn ang="0">
                  <a:pos x="148" y="46"/>
                </a:cxn>
                <a:cxn ang="0">
                  <a:pos x="174" y="46"/>
                </a:cxn>
                <a:cxn ang="0">
                  <a:pos x="212" y="42"/>
                </a:cxn>
                <a:cxn ang="0">
                  <a:pos x="243" y="42"/>
                </a:cxn>
                <a:cxn ang="0">
                  <a:pos x="265" y="42"/>
                </a:cxn>
                <a:cxn ang="0">
                  <a:pos x="262" y="35"/>
                </a:cxn>
                <a:cxn ang="0">
                  <a:pos x="239" y="23"/>
                </a:cxn>
                <a:cxn ang="0">
                  <a:pos x="220" y="16"/>
                </a:cxn>
                <a:cxn ang="0">
                  <a:pos x="197" y="12"/>
                </a:cxn>
                <a:cxn ang="0">
                  <a:pos x="174" y="4"/>
                </a:cxn>
                <a:cxn ang="0">
                  <a:pos x="155" y="4"/>
                </a:cxn>
                <a:cxn ang="0">
                  <a:pos x="133" y="0"/>
                </a:cxn>
                <a:cxn ang="0">
                  <a:pos x="114" y="0"/>
                </a:cxn>
                <a:cxn ang="0">
                  <a:pos x="91" y="0"/>
                </a:cxn>
                <a:cxn ang="0">
                  <a:pos x="68" y="0"/>
                </a:cxn>
                <a:cxn ang="0">
                  <a:pos x="49" y="0"/>
                </a:cxn>
                <a:cxn ang="0">
                  <a:pos x="26" y="4"/>
                </a:cxn>
                <a:cxn ang="0">
                  <a:pos x="11" y="27"/>
                </a:cxn>
                <a:cxn ang="0">
                  <a:pos x="0" y="65"/>
                </a:cxn>
                <a:cxn ang="0">
                  <a:pos x="0" y="84"/>
                </a:cxn>
                <a:cxn ang="0">
                  <a:pos x="0" y="103"/>
                </a:cxn>
                <a:cxn ang="0">
                  <a:pos x="7" y="122"/>
                </a:cxn>
                <a:cxn ang="0">
                  <a:pos x="26" y="137"/>
                </a:cxn>
                <a:cxn ang="0">
                  <a:pos x="45" y="137"/>
                </a:cxn>
                <a:cxn ang="0">
                  <a:pos x="68" y="137"/>
                </a:cxn>
                <a:cxn ang="0">
                  <a:pos x="87" y="137"/>
                </a:cxn>
                <a:cxn ang="0">
                  <a:pos x="110" y="141"/>
                </a:cxn>
                <a:cxn ang="0">
                  <a:pos x="129" y="145"/>
                </a:cxn>
                <a:cxn ang="0">
                  <a:pos x="148" y="149"/>
                </a:cxn>
                <a:cxn ang="0">
                  <a:pos x="171" y="152"/>
                </a:cxn>
                <a:cxn ang="0">
                  <a:pos x="189" y="156"/>
                </a:cxn>
                <a:cxn ang="0">
                  <a:pos x="208" y="160"/>
                </a:cxn>
                <a:cxn ang="0">
                  <a:pos x="231" y="168"/>
                </a:cxn>
                <a:cxn ang="0">
                  <a:pos x="250" y="168"/>
                </a:cxn>
                <a:cxn ang="0">
                  <a:pos x="273" y="160"/>
                </a:cxn>
                <a:cxn ang="0">
                  <a:pos x="277" y="126"/>
                </a:cxn>
                <a:cxn ang="0">
                  <a:pos x="284" y="95"/>
                </a:cxn>
                <a:cxn ang="0">
                  <a:pos x="277" y="76"/>
                </a:cxn>
              </a:cxnLst>
              <a:rect l="0" t="0" r="r" b="b"/>
              <a:pathLst>
                <a:path w="284" h="168">
                  <a:moveTo>
                    <a:pt x="277" y="76"/>
                  </a:moveTo>
                  <a:lnTo>
                    <a:pt x="273" y="69"/>
                  </a:lnTo>
                  <a:lnTo>
                    <a:pt x="265" y="65"/>
                  </a:lnTo>
                  <a:lnTo>
                    <a:pt x="258" y="65"/>
                  </a:lnTo>
                  <a:lnTo>
                    <a:pt x="254" y="73"/>
                  </a:lnTo>
                  <a:lnTo>
                    <a:pt x="250" y="76"/>
                  </a:lnTo>
                  <a:lnTo>
                    <a:pt x="246" y="84"/>
                  </a:lnTo>
                  <a:lnTo>
                    <a:pt x="243" y="88"/>
                  </a:lnTo>
                  <a:lnTo>
                    <a:pt x="243" y="95"/>
                  </a:lnTo>
                  <a:lnTo>
                    <a:pt x="243" y="103"/>
                  </a:lnTo>
                  <a:lnTo>
                    <a:pt x="239" y="111"/>
                  </a:lnTo>
                  <a:lnTo>
                    <a:pt x="239" y="118"/>
                  </a:lnTo>
                  <a:lnTo>
                    <a:pt x="239" y="126"/>
                  </a:lnTo>
                  <a:lnTo>
                    <a:pt x="224" y="122"/>
                  </a:lnTo>
                  <a:lnTo>
                    <a:pt x="212" y="118"/>
                  </a:lnTo>
                  <a:lnTo>
                    <a:pt x="201" y="114"/>
                  </a:lnTo>
                  <a:lnTo>
                    <a:pt x="189" y="114"/>
                  </a:lnTo>
                  <a:lnTo>
                    <a:pt x="178" y="111"/>
                  </a:lnTo>
                  <a:lnTo>
                    <a:pt x="167" y="107"/>
                  </a:lnTo>
                  <a:lnTo>
                    <a:pt x="155" y="103"/>
                  </a:lnTo>
                  <a:lnTo>
                    <a:pt x="144" y="103"/>
                  </a:lnTo>
                  <a:lnTo>
                    <a:pt x="133" y="99"/>
                  </a:lnTo>
                  <a:lnTo>
                    <a:pt x="121" y="99"/>
                  </a:lnTo>
                  <a:lnTo>
                    <a:pt x="106" y="95"/>
                  </a:lnTo>
                  <a:lnTo>
                    <a:pt x="95" y="95"/>
                  </a:lnTo>
                  <a:lnTo>
                    <a:pt x="83" y="92"/>
                  </a:lnTo>
                  <a:lnTo>
                    <a:pt x="72" y="92"/>
                  </a:lnTo>
                  <a:lnTo>
                    <a:pt x="60" y="88"/>
                  </a:lnTo>
                  <a:lnTo>
                    <a:pt x="49" y="88"/>
                  </a:lnTo>
                  <a:lnTo>
                    <a:pt x="49" y="80"/>
                  </a:lnTo>
                  <a:lnTo>
                    <a:pt x="49" y="69"/>
                  </a:lnTo>
                  <a:lnTo>
                    <a:pt x="53" y="57"/>
                  </a:lnTo>
                  <a:lnTo>
                    <a:pt x="57" y="50"/>
                  </a:lnTo>
                  <a:lnTo>
                    <a:pt x="68" y="46"/>
                  </a:lnTo>
                  <a:lnTo>
                    <a:pt x="83" y="46"/>
                  </a:lnTo>
                  <a:lnTo>
                    <a:pt x="87" y="46"/>
                  </a:lnTo>
                  <a:lnTo>
                    <a:pt x="95" y="46"/>
                  </a:lnTo>
                  <a:lnTo>
                    <a:pt x="102" y="46"/>
                  </a:lnTo>
                  <a:lnTo>
                    <a:pt x="110" y="46"/>
                  </a:lnTo>
                  <a:lnTo>
                    <a:pt x="114" y="46"/>
                  </a:lnTo>
                  <a:lnTo>
                    <a:pt x="121" y="46"/>
                  </a:lnTo>
                  <a:lnTo>
                    <a:pt x="129" y="46"/>
                  </a:lnTo>
                  <a:lnTo>
                    <a:pt x="136" y="46"/>
                  </a:lnTo>
                  <a:lnTo>
                    <a:pt x="140" y="46"/>
                  </a:lnTo>
                  <a:lnTo>
                    <a:pt x="148" y="46"/>
                  </a:lnTo>
                  <a:lnTo>
                    <a:pt x="155" y="46"/>
                  </a:lnTo>
                  <a:lnTo>
                    <a:pt x="163" y="46"/>
                  </a:lnTo>
                  <a:lnTo>
                    <a:pt x="174" y="46"/>
                  </a:lnTo>
                  <a:lnTo>
                    <a:pt x="186" y="42"/>
                  </a:lnTo>
                  <a:lnTo>
                    <a:pt x="197" y="42"/>
                  </a:lnTo>
                  <a:lnTo>
                    <a:pt x="212" y="42"/>
                  </a:lnTo>
                  <a:lnTo>
                    <a:pt x="224" y="42"/>
                  </a:lnTo>
                  <a:lnTo>
                    <a:pt x="239" y="42"/>
                  </a:lnTo>
                  <a:lnTo>
                    <a:pt x="243" y="42"/>
                  </a:lnTo>
                  <a:lnTo>
                    <a:pt x="250" y="42"/>
                  </a:lnTo>
                  <a:lnTo>
                    <a:pt x="258" y="42"/>
                  </a:lnTo>
                  <a:lnTo>
                    <a:pt x="265" y="42"/>
                  </a:lnTo>
                  <a:lnTo>
                    <a:pt x="265" y="38"/>
                  </a:lnTo>
                  <a:lnTo>
                    <a:pt x="269" y="38"/>
                  </a:lnTo>
                  <a:lnTo>
                    <a:pt x="262" y="35"/>
                  </a:lnTo>
                  <a:lnTo>
                    <a:pt x="254" y="31"/>
                  </a:lnTo>
                  <a:lnTo>
                    <a:pt x="246" y="27"/>
                  </a:lnTo>
                  <a:lnTo>
                    <a:pt x="239" y="23"/>
                  </a:lnTo>
                  <a:lnTo>
                    <a:pt x="231" y="19"/>
                  </a:lnTo>
                  <a:lnTo>
                    <a:pt x="224" y="16"/>
                  </a:lnTo>
                  <a:lnTo>
                    <a:pt x="220" y="16"/>
                  </a:lnTo>
                  <a:lnTo>
                    <a:pt x="212" y="12"/>
                  </a:lnTo>
                  <a:lnTo>
                    <a:pt x="205" y="12"/>
                  </a:lnTo>
                  <a:lnTo>
                    <a:pt x="197" y="12"/>
                  </a:lnTo>
                  <a:lnTo>
                    <a:pt x="189" y="8"/>
                  </a:lnTo>
                  <a:lnTo>
                    <a:pt x="182" y="8"/>
                  </a:lnTo>
                  <a:lnTo>
                    <a:pt x="174" y="4"/>
                  </a:lnTo>
                  <a:lnTo>
                    <a:pt x="167" y="4"/>
                  </a:lnTo>
                  <a:lnTo>
                    <a:pt x="163" y="4"/>
                  </a:lnTo>
                  <a:lnTo>
                    <a:pt x="155" y="4"/>
                  </a:lnTo>
                  <a:lnTo>
                    <a:pt x="148" y="4"/>
                  </a:lnTo>
                  <a:lnTo>
                    <a:pt x="140" y="0"/>
                  </a:lnTo>
                  <a:lnTo>
                    <a:pt x="133" y="0"/>
                  </a:lnTo>
                  <a:lnTo>
                    <a:pt x="125" y="0"/>
                  </a:lnTo>
                  <a:lnTo>
                    <a:pt x="121" y="0"/>
                  </a:lnTo>
                  <a:lnTo>
                    <a:pt x="114" y="0"/>
                  </a:lnTo>
                  <a:lnTo>
                    <a:pt x="106" y="0"/>
                  </a:lnTo>
                  <a:lnTo>
                    <a:pt x="98" y="0"/>
                  </a:lnTo>
                  <a:lnTo>
                    <a:pt x="91" y="0"/>
                  </a:lnTo>
                  <a:lnTo>
                    <a:pt x="83" y="0"/>
                  </a:lnTo>
                  <a:lnTo>
                    <a:pt x="76" y="0"/>
                  </a:lnTo>
                  <a:lnTo>
                    <a:pt x="68" y="0"/>
                  </a:lnTo>
                  <a:lnTo>
                    <a:pt x="64" y="0"/>
                  </a:lnTo>
                  <a:lnTo>
                    <a:pt x="57" y="0"/>
                  </a:lnTo>
                  <a:lnTo>
                    <a:pt x="49" y="0"/>
                  </a:lnTo>
                  <a:lnTo>
                    <a:pt x="41" y="0"/>
                  </a:lnTo>
                  <a:lnTo>
                    <a:pt x="34" y="0"/>
                  </a:lnTo>
                  <a:lnTo>
                    <a:pt x="26" y="4"/>
                  </a:lnTo>
                  <a:lnTo>
                    <a:pt x="22" y="8"/>
                  </a:lnTo>
                  <a:lnTo>
                    <a:pt x="19" y="16"/>
                  </a:lnTo>
                  <a:lnTo>
                    <a:pt x="11" y="27"/>
                  </a:lnTo>
                  <a:lnTo>
                    <a:pt x="7" y="38"/>
                  </a:lnTo>
                  <a:lnTo>
                    <a:pt x="3" y="50"/>
                  </a:lnTo>
                  <a:lnTo>
                    <a:pt x="0" y="65"/>
                  </a:lnTo>
                  <a:lnTo>
                    <a:pt x="0" y="69"/>
                  </a:lnTo>
                  <a:lnTo>
                    <a:pt x="0" y="76"/>
                  </a:lnTo>
                  <a:lnTo>
                    <a:pt x="0" y="84"/>
                  </a:lnTo>
                  <a:lnTo>
                    <a:pt x="0" y="88"/>
                  </a:lnTo>
                  <a:lnTo>
                    <a:pt x="0" y="95"/>
                  </a:lnTo>
                  <a:lnTo>
                    <a:pt x="0" y="103"/>
                  </a:lnTo>
                  <a:lnTo>
                    <a:pt x="0" y="111"/>
                  </a:lnTo>
                  <a:lnTo>
                    <a:pt x="3" y="114"/>
                  </a:lnTo>
                  <a:lnTo>
                    <a:pt x="7" y="122"/>
                  </a:lnTo>
                  <a:lnTo>
                    <a:pt x="15" y="130"/>
                  </a:lnTo>
                  <a:lnTo>
                    <a:pt x="19" y="133"/>
                  </a:lnTo>
                  <a:lnTo>
                    <a:pt x="26" y="137"/>
                  </a:lnTo>
                  <a:lnTo>
                    <a:pt x="34" y="137"/>
                  </a:lnTo>
                  <a:lnTo>
                    <a:pt x="38" y="137"/>
                  </a:lnTo>
                  <a:lnTo>
                    <a:pt x="45" y="137"/>
                  </a:lnTo>
                  <a:lnTo>
                    <a:pt x="53" y="137"/>
                  </a:lnTo>
                  <a:lnTo>
                    <a:pt x="60" y="137"/>
                  </a:lnTo>
                  <a:lnTo>
                    <a:pt x="68" y="137"/>
                  </a:lnTo>
                  <a:lnTo>
                    <a:pt x="76" y="137"/>
                  </a:lnTo>
                  <a:lnTo>
                    <a:pt x="83" y="137"/>
                  </a:lnTo>
                  <a:lnTo>
                    <a:pt x="87" y="137"/>
                  </a:lnTo>
                  <a:lnTo>
                    <a:pt x="95" y="141"/>
                  </a:lnTo>
                  <a:lnTo>
                    <a:pt x="102" y="141"/>
                  </a:lnTo>
                  <a:lnTo>
                    <a:pt x="110" y="141"/>
                  </a:lnTo>
                  <a:lnTo>
                    <a:pt x="117" y="141"/>
                  </a:lnTo>
                  <a:lnTo>
                    <a:pt x="121" y="141"/>
                  </a:lnTo>
                  <a:lnTo>
                    <a:pt x="129" y="145"/>
                  </a:lnTo>
                  <a:lnTo>
                    <a:pt x="136" y="145"/>
                  </a:lnTo>
                  <a:lnTo>
                    <a:pt x="144" y="145"/>
                  </a:lnTo>
                  <a:lnTo>
                    <a:pt x="148" y="149"/>
                  </a:lnTo>
                  <a:lnTo>
                    <a:pt x="155" y="149"/>
                  </a:lnTo>
                  <a:lnTo>
                    <a:pt x="163" y="152"/>
                  </a:lnTo>
                  <a:lnTo>
                    <a:pt x="171" y="152"/>
                  </a:lnTo>
                  <a:lnTo>
                    <a:pt x="174" y="152"/>
                  </a:lnTo>
                  <a:lnTo>
                    <a:pt x="182" y="156"/>
                  </a:lnTo>
                  <a:lnTo>
                    <a:pt x="189" y="156"/>
                  </a:lnTo>
                  <a:lnTo>
                    <a:pt x="197" y="156"/>
                  </a:lnTo>
                  <a:lnTo>
                    <a:pt x="205" y="160"/>
                  </a:lnTo>
                  <a:lnTo>
                    <a:pt x="208" y="160"/>
                  </a:lnTo>
                  <a:lnTo>
                    <a:pt x="216" y="164"/>
                  </a:lnTo>
                  <a:lnTo>
                    <a:pt x="224" y="164"/>
                  </a:lnTo>
                  <a:lnTo>
                    <a:pt x="231" y="168"/>
                  </a:lnTo>
                  <a:lnTo>
                    <a:pt x="239" y="168"/>
                  </a:lnTo>
                  <a:lnTo>
                    <a:pt x="243" y="168"/>
                  </a:lnTo>
                  <a:lnTo>
                    <a:pt x="250" y="168"/>
                  </a:lnTo>
                  <a:lnTo>
                    <a:pt x="262" y="168"/>
                  </a:lnTo>
                  <a:lnTo>
                    <a:pt x="265" y="164"/>
                  </a:lnTo>
                  <a:lnTo>
                    <a:pt x="273" y="160"/>
                  </a:lnTo>
                  <a:lnTo>
                    <a:pt x="273" y="149"/>
                  </a:lnTo>
                  <a:lnTo>
                    <a:pt x="277" y="137"/>
                  </a:lnTo>
                  <a:lnTo>
                    <a:pt x="277" y="126"/>
                  </a:lnTo>
                  <a:lnTo>
                    <a:pt x="281" y="114"/>
                  </a:lnTo>
                  <a:lnTo>
                    <a:pt x="281" y="107"/>
                  </a:lnTo>
                  <a:lnTo>
                    <a:pt x="284" y="95"/>
                  </a:lnTo>
                  <a:lnTo>
                    <a:pt x="281" y="84"/>
                  </a:lnTo>
                  <a:lnTo>
                    <a:pt x="277" y="76"/>
                  </a:lnTo>
                  <a:lnTo>
                    <a:pt x="277" y="76"/>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80" name="Freeform 28"/>
            <p:cNvSpPr>
              <a:spLocks/>
            </p:cNvSpPr>
            <p:nvPr/>
          </p:nvSpPr>
          <p:spPr bwMode="auto">
            <a:xfrm>
              <a:off x="4028" y="1178"/>
              <a:ext cx="330" cy="2014"/>
            </a:xfrm>
            <a:custGeom>
              <a:avLst/>
              <a:gdLst/>
              <a:ahLst/>
              <a:cxnLst>
                <a:cxn ang="0">
                  <a:pos x="45" y="27"/>
                </a:cxn>
                <a:cxn ang="0">
                  <a:pos x="87" y="72"/>
                </a:cxn>
                <a:cxn ang="0">
                  <a:pos x="121" y="137"/>
                </a:cxn>
                <a:cxn ang="0">
                  <a:pos x="148" y="217"/>
                </a:cxn>
                <a:cxn ang="0">
                  <a:pos x="163" y="308"/>
                </a:cxn>
                <a:cxn ang="0">
                  <a:pos x="175" y="407"/>
                </a:cxn>
                <a:cxn ang="0">
                  <a:pos x="182" y="509"/>
                </a:cxn>
                <a:cxn ang="0">
                  <a:pos x="182" y="616"/>
                </a:cxn>
                <a:cxn ang="0">
                  <a:pos x="186" y="714"/>
                </a:cxn>
                <a:cxn ang="0">
                  <a:pos x="182" y="809"/>
                </a:cxn>
                <a:cxn ang="0">
                  <a:pos x="182" y="893"/>
                </a:cxn>
                <a:cxn ang="0">
                  <a:pos x="178" y="965"/>
                </a:cxn>
                <a:cxn ang="0">
                  <a:pos x="182" y="1018"/>
                </a:cxn>
                <a:cxn ang="0">
                  <a:pos x="186" y="1087"/>
                </a:cxn>
                <a:cxn ang="0">
                  <a:pos x="197" y="1163"/>
                </a:cxn>
                <a:cxn ang="0">
                  <a:pos x="205" y="1242"/>
                </a:cxn>
                <a:cxn ang="0">
                  <a:pos x="220" y="1322"/>
                </a:cxn>
                <a:cxn ang="0">
                  <a:pos x="232" y="1402"/>
                </a:cxn>
                <a:cxn ang="0">
                  <a:pos x="243" y="1482"/>
                </a:cxn>
                <a:cxn ang="0">
                  <a:pos x="247" y="1562"/>
                </a:cxn>
                <a:cxn ang="0">
                  <a:pos x="247" y="1645"/>
                </a:cxn>
                <a:cxn ang="0">
                  <a:pos x="239" y="1717"/>
                </a:cxn>
                <a:cxn ang="0">
                  <a:pos x="224" y="1793"/>
                </a:cxn>
                <a:cxn ang="0">
                  <a:pos x="197" y="1862"/>
                </a:cxn>
                <a:cxn ang="0">
                  <a:pos x="163" y="1926"/>
                </a:cxn>
                <a:cxn ang="0">
                  <a:pos x="118" y="1979"/>
                </a:cxn>
                <a:cxn ang="0">
                  <a:pos x="144" y="2014"/>
                </a:cxn>
                <a:cxn ang="0">
                  <a:pos x="194" y="1983"/>
                </a:cxn>
                <a:cxn ang="0">
                  <a:pos x="239" y="1945"/>
                </a:cxn>
                <a:cxn ang="0">
                  <a:pos x="273" y="1903"/>
                </a:cxn>
                <a:cxn ang="0">
                  <a:pos x="300" y="1862"/>
                </a:cxn>
                <a:cxn ang="0">
                  <a:pos x="319" y="1812"/>
                </a:cxn>
                <a:cxn ang="0">
                  <a:pos x="330" y="1759"/>
                </a:cxn>
                <a:cxn ang="0">
                  <a:pos x="330" y="1695"/>
                </a:cxn>
                <a:cxn ang="0">
                  <a:pos x="326" y="1622"/>
                </a:cxn>
                <a:cxn ang="0">
                  <a:pos x="319" y="1550"/>
                </a:cxn>
                <a:cxn ang="0">
                  <a:pos x="315" y="1482"/>
                </a:cxn>
                <a:cxn ang="0">
                  <a:pos x="304" y="1410"/>
                </a:cxn>
                <a:cxn ang="0">
                  <a:pos x="296" y="1337"/>
                </a:cxn>
                <a:cxn ang="0">
                  <a:pos x="289" y="1269"/>
                </a:cxn>
                <a:cxn ang="0">
                  <a:pos x="277" y="1197"/>
                </a:cxn>
                <a:cxn ang="0">
                  <a:pos x="270" y="1128"/>
                </a:cxn>
                <a:cxn ang="0">
                  <a:pos x="262" y="1056"/>
                </a:cxn>
                <a:cxn ang="0">
                  <a:pos x="254" y="984"/>
                </a:cxn>
                <a:cxn ang="0">
                  <a:pos x="247" y="916"/>
                </a:cxn>
                <a:cxn ang="0">
                  <a:pos x="243" y="844"/>
                </a:cxn>
                <a:cxn ang="0">
                  <a:pos x="239" y="775"/>
                </a:cxn>
                <a:cxn ang="0">
                  <a:pos x="243" y="711"/>
                </a:cxn>
                <a:cxn ang="0">
                  <a:pos x="251" y="635"/>
                </a:cxn>
                <a:cxn ang="0">
                  <a:pos x="258" y="555"/>
                </a:cxn>
                <a:cxn ang="0">
                  <a:pos x="266" y="471"/>
                </a:cxn>
                <a:cxn ang="0">
                  <a:pos x="270" y="384"/>
                </a:cxn>
                <a:cxn ang="0">
                  <a:pos x="273" y="304"/>
                </a:cxn>
                <a:cxn ang="0">
                  <a:pos x="262" y="224"/>
                </a:cxn>
                <a:cxn ang="0">
                  <a:pos x="247" y="156"/>
                </a:cxn>
                <a:cxn ang="0">
                  <a:pos x="216" y="95"/>
                </a:cxn>
                <a:cxn ang="0">
                  <a:pos x="175" y="50"/>
                </a:cxn>
                <a:cxn ang="0">
                  <a:pos x="114" y="15"/>
                </a:cxn>
                <a:cxn ang="0">
                  <a:pos x="42" y="0"/>
                </a:cxn>
                <a:cxn ang="0">
                  <a:pos x="4" y="8"/>
                </a:cxn>
              </a:cxnLst>
              <a:rect l="0" t="0" r="r" b="b"/>
              <a:pathLst>
                <a:path w="330" h="2014">
                  <a:moveTo>
                    <a:pt x="4" y="8"/>
                  </a:moveTo>
                  <a:lnTo>
                    <a:pt x="15" y="12"/>
                  </a:lnTo>
                  <a:lnTo>
                    <a:pt x="26" y="15"/>
                  </a:lnTo>
                  <a:lnTo>
                    <a:pt x="34" y="19"/>
                  </a:lnTo>
                  <a:lnTo>
                    <a:pt x="45" y="27"/>
                  </a:lnTo>
                  <a:lnTo>
                    <a:pt x="53" y="34"/>
                  </a:lnTo>
                  <a:lnTo>
                    <a:pt x="64" y="42"/>
                  </a:lnTo>
                  <a:lnTo>
                    <a:pt x="72" y="53"/>
                  </a:lnTo>
                  <a:lnTo>
                    <a:pt x="80" y="61"/>
                  </a:lnTo>
                  <a:lnTo>
                    <a:pt x="87" y="72"/>
                  </a:lnTo>
                  <a:lnTo>
                    <a:pt x="95" y="84"/>
                  </a:lnTo>
                  <a:lnTo>
                    <a:pt x="102" y="95"/>
                  </a:lnTo>
                  <a:lnTo>
                    <a:pt x="110" y="110"/>
                  </a:lnTo>
                  <a:lnTo>
                    <a:pt x="118" y="122"/>
                  </a:lnTo>
                  <a:lnTo>
                    <a:pt x="121" y="137"/>
                  </a:lnTo>
                  <a:lnTo>
                    <a:pt x="129" y="152"/>
                  </a:lnTo>
                  <a:lnTo>
                    <a:pt x="133" y="167"/>
                  </a:lnTo>
                  <a:lnTo>
                    <a:pt x="137" y="182"/>
                  </a:lnTo>
                  <a:lnTo>
                    <a:pt x="144" y="201"/>
                  </a:lnTo>
                  <a:lnTo>
                    <a:pt x="148" y="217"/>
                  </a:lnTo>
                  <a:lnTo>
                    <a:pt x="152" y="236"/>
                  </a:lnTo>
                  <a:lnTo>
                    <a:pt x="152" y="251"/>
                  </a:lnTo>
                  <a:lnTo>
                    <a:pt x="156" y="270"/>
                  </a:lnTo>
                  <a:lnTo>
                    <a:pt x="159" y="289"/>
                  </a:lnTo>
                  <a:lnTo>
                    <a:pt x="163" y="308"/>
                  </a:lnTo>
                  <a:lnTo>
                    <a:pt x="167" y="327"/>
                  </a:lnTo>
                  <a:lnTo>
                    <a:pt x="171" y="346"/>
                  </a:lnTo>
                  <a:lnTo>
                    <a:pt x="171" y="369"/>
                  </a:lnTo>
                  <a:lnTo>
                    <a:pt x="175" y="388"/>
                  </a:lnTo>
                  <a:lnTo>
                    <a:pt x="175" y="407"/>
                  </a:lnTo>
                  <a:lnTo>
                    <a:pt x="178" y="429"/>
                  </a:lnTo>
                  <a:lnTo>
                    <a:pt x="178" y="448"/>
                  </a:lnTo>
                  <a:lnTo>
                    <a:pt x="182" y="471"/>
                  </a:lnTo>
                  <a:lnTo>
                    <a:pt x="182" y="490"/>
                  </a:lnTo>
                  <a:lnTo>
                    <a:pt x="182" y="509"/>
                  </a:lnTo>
                  <a:lnTo>
                    <a:pt x="182" y="532"/>
                  </a:lnTo>
                  <a:lnTo>
                    <a:pt x="182" y="555"/>
                  </a:lnTo>
                  <a:lnTo>
                    <a:pt x="182" y="574"/>
                  </a:lnTo>
                  <a:lnTo>
                    <a:pt x="182" y="593"/>
                  </a:lnTo>
                  <a:lnTo>
                    <a:pt x="182" y="616"/>
                  </a:lnTo>
                  <a:lnTo>
                    <a:pt x="186" y="638"/>
                  </a:lnTo>
                  <a:lnTo>
                    <a:pt x="186" y="657"/>
                  </a:lnTo>
                  <a:lnTo>
                    <a:pt x="186" y="676"/>
                  </a:lnTo>
                  <a:lnTo>
                    <a:pt x="186" y="695"/>
                  </a:lnTo>
                  <a:lnTo>
                    <a:pt x="186" y="714"/>
                  </a:lnTo>
                  <a:lnTo>
                    <a:pt x="186" y="737"/>
                  </a:lnTo>
                  <a:lnTo>
                    <a:pt x="186" y="756"/>
                  </a:lnTo>
                  <a:lnTo>
                    <a:pt x="186" y="775"/>
                  </a:lnTo>
                  <a:lnTo>
                    <a:pt x="186" y="794"/>
                  </a:lnTo>
                  <a:lnTo>
                    <a:pt x="182" y="809"/>
                  </a:lnTo>
                  <a:lnTo>
                    <a:pt x="182" y="828"/>
                  </a:lnTo>
                  <a:lnTo>
                    <a:pt x="182" y="844"/>
                  </a:lnTo>
                  <a:lnTo>
                    <a:pt x="182" y="863"/>
                  </a:lnTo>
                  <a:lnTo>
                    <a:pt x="182" y="878"/>
                  </a:lnTo>
                  <a:lnTo>
                    <a:pt x="182" y="893"/>
                  </a:lnTo>
                  <a:lnTo>
                    <a:pt x="182" y="908"/>
                  </a:lnTo>
                  <a:lnTo>
                    <a:pt x="182" y="927"/>
                  </a:lnTo>
                  <a:lnTo>
                    <a:pt x="178" y="939"/>
                  </a:lnTo>
                  <a:lnTo>
                    <a:pt x="178" y="954"/>
                  </a:lnTo>
                  <a:lnTo>
                    <a:pt x="178" y="965"/>
                  </a:lnTo>
                  <a:lnTo>
                    <a:pt x="178" y="977"/>
                  </a:lnTo>
                  <a:lnTo>
                    <a:pt x="178" y="988"/>
                  </a:lnTo>
                  <a:lnTo>
                    <a:pt x="178" y="999"/>
                  </a:lnTo>
                  <a:lnTo>
                    <a:pt x="178" y="1011"/>
                  </a:lnTo>
                  <a:lnTo>
                    <a:pt x="182" y="1018"/>
                  </a:lnTo>
                  <a:lnTo>
                    <a:pt x="182" y="1033"/>
                  </a:lnTo>
                  <a:lnTo>
                    <a:pt x="182" y="1045"/>
                  </a:lnTo>
                  <a:lnTo>
                    <a:pt x="182" y="1060"/>
                  </a:lnTo>
                  <a:lnTo>
                    <a:pt x="186" y="1075"/>
                  </a:lnTo>
                  <a:lnTo>
                    <a:pt x="186" y="1087"/>
                  </a:lnTo>
                  <a:lnTo>
                    <a:pt x="186" y="1102"/>
                  </a:lnTo>
                  <a:lnTo>
                    <a:pt x="190" y="1117"/>
                  </a:lnTo>
                  <a:lnTo>
                    <a:pt x="194" y="1132"/>
                  </a:lnTo>
                  <a:lnTo>
                    <a:pt x="194" y="1147"/>
                  </a:lnTo>
                  <a:lnTo>
                    <a:pt x="197" y="1163"/>
                  </a:lnTo>
                  <a:lnTo>
                    <a:pt x="197" y="1178"/>
                  </a:lnTo>
                  <a:lnTo>
                    <a:pt x="201" y="1193"/>
                  </a:lnTo>
                  <a:lnTo>
                    <a:pt x="201" y="1208"/>
                  </a:lnTo>
                  <a:lnTo>
                    <a:pt x="205" y="1223"/>
                  </a:lnTo>
                  <a:lnTo>
                    <a:pt x="205" y="1242"/>
                  </a:lnTo>
                  <a:lnTo>
                    <a:pt x="209" y="1258"/>
                  </a:lnTo>
                  <a:lnTo>
                    <a:pt x="213" y="1273"/>
                  </a:lnTo>
                  <a:lnTo>
                    <a:pt x="213" y="1288"/>
                  </a:lnTo>
                  <a:lnTo>
                    <a:pt x="216" y="1303"/>
                  </a:lnTo>
                  <a:lnTo>
                    <a:pt x="220" y="1322"/>
                  </a:lnTo>
                  <a:lnTo>
                    <a:pt x="220" y="1337"/>
                  </a:lnTo>
                  <a:lnTo>
                    <a:pt x="224" y="1353"/>
                  </a:lnTo>
                  <a:lnTo>
                    <a:pt x="224" y="1368"/>
                  </a:lnTo>
                  <a:lnTo>
                    <a:pt x="228" y="1387"/>
                  </a:lnTo>
                  <a:lnTo>
                    <a:pt x="232" y="1402"/>
                  </a:lnTo>
                  <a:lnTo>
                    <a:pt x="232" y="1417"/>
                  </a:lnTo>
                  <a:lnTo>
                    <a:pt x="235" y="1432"/>
                  </a:lnTo>
                  <a:lnTo>
                    <a:pt x="239" y="1451"/>
                  </a:lnTo>
                  <a:lnTo>
                    <a:pt x="239" y="1467"/>
                  </a:lnTo>
                  <a:lnTo>
                    <a:pt x="243" y="1482"/>
                  </a:lnTo>
                  <a:lnTo>
                    <a:pt x="243" y="1501"/>
                  </a:lnTo>
                  <a:lnTo>
                    <a:pt x="247" y="1516"/>
                  </a:lnTo>
                  <a:lnTo>
                    <a:pt x="247" y="1531"/>
                  </a:lnTo>
                  <a:lnTo>
                    <a:pt x="247" y="1550"/>
                  </a:lnTo>
                  <a:lnTo>
                    <a:pt x="247" y="1562"/>
                  </a:lnTo>
                  <a:lnTo>
                    <a:pt x="247" y="1581"/>
                  </a:lnTo>
                  <a:lnTo>
                    <a:pt x="247" y="1596"/>
                  </a:lnTo>
                  <a:lnTo>
                    <a:pt x="247" y="1611"/>
                  </a:lnTo>
                  <a:lnTo>
                    <a:pt x="247" y="1626"/>
                  </a:lnTo>
                  <a:lnTo>
                    <a:pt x="247" y="1645"/>
                  </a:lnTo>
                  <a:lnTo>
                    <a:pt x="247" y="1660"/>
                  </a:lnTo>
                  <a:lnTo>
                    <a:pt x="243" y="1676"/>
                  </a:lnTo>
                  <a:lnTo>
                    <a:pt x="243" y="1691"/>
                  </a:lnTo>
                  <a:lnTo>
                    <a:pt x="243" y="1706"/>
                  </a:lnTo>
                  <a:lnTo>
                    <a:pt x="239" y="1717"/>
                  </a:lnTo>
                  <a:lnTo>
                    <a:pt x="235" y="1736"/>
                  </a:lnTo>
                  <a:lnTo>
                    <a:pt x="235" y="1748"/>
                  </a:lnTo>
                  <a:lnTo>
                    <a:pt x="232" y="1767"/>
                  </a:lnTo>
                  <a:lnTo>
                    <a:pt x="228" y="1778"/>
                  </a:lnTo>
                  <a:lnTo>
                    <a:pt x="224" y="1793"/>
                  </a:lnTo>
                  <a:lnTo>
                    <a:pt x="220" y="1805"/>
                  </a:lnTo>
                  <a:lnTo>
                    <a:pt x="216" y="1820"/>
                  </a:lnTo>
                  <a:lnTo>
                    <a:pt x="209" y="1835"/>
                  </a:lnTo>
                  <a:lnTo>
                    <a:pt x="205" y="1847"/>
                  </a:lnTo>
                  <a:lnTo>
                    <a:pt x="197" y="1862"/>
                  </a:lnTo>
                  <a:lnTo>
                    <a:pt x="194" y="1873"/>
                  </a:lnTo>
                  <a:lnTo>
                    <a:pt x="186" y="1888"/>
                  </a:lnTo>
                  <a:lnTo>
                    <a:pt x="178" y="1900"/>
                  </a:lnTo>
                  <a:lnTo>
                    <a:pt x="171" y="1911"/>
                  </a:lnTo>
                  <a:lnTo>
                    <a:pt x="163" y="1926"/>
                  </a:lnTo>
                  <a:lnTo>
                    <a:pt x="152" y="1938"/>
                  </a:lnTo>
                  <a:lnTo>
                    <a:pt x="144" y="1949"/>
                  </a:lnTo>
                  <a:lnTo>
                    <a:pt x="137" y="1960"/>
                  </a:lnTo>
                  <a:lnTo>
                    <a:pt x="125" y="1972"/>
                  </a:lnTo>
                  <a:lnTo>
                    <a:pt x="118" y="1979"/>
                  </a:lnTo>
                  <a:lnTo>
                    <a:pt x="118" y="1991"/>
                  </a:lnTo>
                  <a:lnTo>
                    <a:pt x="121" y="1998"/>
                  </a:lnTo>
                  <a:lnTo>
                    <a:pt x="125" y="2006"/>
                  </a:lnTo>
                  <a:lnTo>
                    <a:pt x="133" y="2010"/>
                  </a:lnTo>
                  <a:lnTo>
                    <a:pt x="144" y="2014"/>
                  </a:lnTo>
                  <a:lnTo>
                    <a:pt x="152" y="2014"/>
                  </a:lnTo>
                  <a:lnTo>
                    <a:pt x="163" y="2010"/>
                  </a:lnTo>
                  <a:lnTo>
                    <a:pt x="175" y="1998"/>
                  </a:lnTo>
                  <a:lnTo>
                    <a:pt x="182" y="1991"/>
                  </a:lnTo>
                  <a:lnTo>
                    <a:pt x="194" y="1983"/>
                  </a:lnTo>
                  <a:lnTo>
                    <a:pt x="201" y="1976"/>
                  </a:lnTo>
                  <a:lnTo>
                    <a:pt x="209" y="1968"/>
                  </a:lnTo>
                  <a:lnTo>
                    <a:pt x="220" y="1957"/>
                  </a:lnTo>
                  <a:lnTo>
                    <a:pt x="228" y="1953"/>
                  </a:lnTo>
                  <a:lnTo>
                    <a:pt x="239" y="1945"/>
                  </a:lnTo>
                  <a:lnTo>
                    <a:pt x="243" y="1934"/>
                  </a:lnTo>
                  <a:lnTo>
                    <a:pt x="251" y="1926"/>
                  </a:lnTo>
                  <a:lnTo>
                    <a:pt x="258" y="1919"/>
                  </a:lnTo>
                  <a:lnTo>
                    <a:pt x="266" y="1911"/>
                  </a:lnTo>
                  <a:lnTo>
                    <a:pt x="273" y="1903"/>
                  </a:lnTo>
                  <a:lnTo>
                    <a:pt x="277" y="1896"/>
                  </a:lnTo>
                  <a:lnTo>
                    <a:pt x="285" y="1884"/>
                  </a:lnTo>
                  <a:lnTo>
                    <a:pt x="292" y="1877"/>
                  </a:lnTo>
                  <a:lnTo>
                    <a:pt x="296" y="1869"/>
                  </a:lnTo>
                  <a:lnTo>
                    <a:pt x="300" y="1862"/>
                  </a:lnTo>
                  <a:lnTo>
                    <a:pt x="304" y="1850"/>
                  </a:lnTo>
                  <a:lnTo>
                    <a:pt x="308" y="1843"/>
                  </a:lnTo>
                  <a:lnTo>
                    <a:pt x="311" y="1831"/>
                  </a:lnTo>
                  <a:lnTo>
                    <a:pt x="315" y="1824"/>
                  </a:lnTo>
                  <a:lnTo>
                    <a:pt x="319" y="1812"/>
                  </a:lnTo>
                  <a:lnTo>
                    <a:pt x="323" y="1801"/>
                  </a:lnTo>
                  <a:lnTo>
                    <a:pt x="323" y="1790"/>
                  </a:lnTo>
                  <a:lnTo>
                    <a:pt x="326" y="1778"/>
                  </a:lnTo>
                  <a:lnTo>
                    <a:pt x="326" y="1771"/>
                  </a:lnTo>
                  <a:lnTo>
                    <a:pt x="330" y="1759"/>
                  </a:lnTo>
                  <a:lnTo>
                    <a:pt x="330" y="1744"/>
                  </a:lnTo>
                  <a:lnTo>
                    <a:pt x="330" y="1733"/>
                  </a:lnTo>
                  <a:lnTo>
                    <a:pt x="330" y="1717"/>
                  </a:lnTo>
                  <a:lnTo>
                    <a:pt x="330" y="1706"/>
                  </a:lnTo>
                  <a:lnTo>
                    <a:pt x="330" y="1695"/>
                  </a:lnTo>
                  <a:lnTo>
                    <a:pt x="330" y="1679"/>
                  </a:lnTo>
                  <a:lnTo>
                    <a:pt x="330" y="1664"/>
                  </a:lnTo>
                  <a:lnTo>
                    <a:pt x="330" y="1649"/>
                  </a:lnTo>
                  <a:lnTo>
                    <a:pt x="326" y="1634"/>
                  </a:lnTo>
                  <a:lnTo>
                    <a:pt x="326" y="1622"/>
                  </a:lnTo>
                  <a:lnTo>
                    <a:pt x="326" y="1607"/>
                  </a:lnTo>
                  <a:lnTo>
                    <a:pt x="326" y="1592"/>
                  </a:lnTo>
                  <a:lnTo>
                    <a:pt x="323" y="1581"/>
                  </a:lnTo>
                  <a:lnTo>
                    <a:pt x="323" y="1565"/>
                  </a:lnTo>
                  <a:lnTo>
                    <a:pt x="319" y="1550"/>
                  </a:lnTo>
                  <a:lnTo>
                    <a:pt x="319" y="1535"/>
                  </a:lnTo>
                  <a:lnTo>
                    <a:pt x="315" y="1520"/>
                  </a:lnTo>
                  <a:lnTo>
                    <a:pt x="315" y="1508"/>
                  </a:lnTo>
                  <a:lnTo>
                    <a:pt x="315" y="1493"/>
                  </a:lnTo>
                  <a:lnTo>
                    <a:pt x="315" y="1482"/>
                  </a:lnTo>
                  <a:lnTo>
                    <a:pt x="311" y="1467"/>
                  </a:lnTo>
                  <a:lnTo>
                    <a:pt x="311" y="1451"/>
                  </a:lnTo>
                  <a:lnTo>
                    <a:pt x="308" y="1436"/>
                  </a:lnTo>
                  <a:lnTo>
                    <a:pt x="308" y="1425"/>
                  </a:lnTo>
                  <a:lnTo>
                    <a:pt x="304" y="1410"/>
                  </a:lnTo>
                  <a:lnTo>
                    <a:pt x="304" y="1394"/>
                  </a:lnTo>
                  <a:lnTo>
                    <a:pt x="300" y="1379"/>
                  </a:lnTo>
                  <a:lnTo>
                    <a:pt x="300" y="1368"/>
                  </a:lnTo>
                  <a:lnTo>
                    <a:pt x="296" y="1353"/>
                  </a:lnTo>
                  <a:lnTo>
                    <a:pt x="296" y="1337"/>
                  </a:lnTo>
                  <a:lnTo>
                    <a:pt x="292" y="1322"/>
                  </a:lnTo>
                  <a:lnTo>
                    <a:pt x="292" y="1311"/>
                  </a:lnTo>
                  <a:lnTo>
                    <a:pt x="289" y="1296"/>
                  </a:lnTo>
                  <a:lnTo>
                    <a:pt x="289" y="1284"/>
                  </a:lnTo>
                  <a:lnTo>
                    <a:pt x="289" y="1269"/>
                  </a:lnTo>
                  <a:lnTo>
                    <a:pt x="285" y="1254"/>
                  </a:lnTo>
                  <a:lnTo>
                    <a:pt x="285" y="1242"/>
                  </a:lnTo>
                  <a:lnTo>
                    <a:pt x="281" y="1227"/>
                  </a:lnTo>
                  <a:lnTo>
                    <a:pt x="281" y="1212"/>
                  </a:lnTo>
                  <a:lnTo>
                    <a:pt x="277" y="1197"/>
                  </a:lnTo>
                  <a:lnTo>
                    <a:pt x="277" y="1182"/>
                  </a:lnTo>
                  <a:lnTo>
                    <a:pt x="277" y="1170"/>
                  </a:lnTo>
                  <a:lnTo>
                    <a:pt x="273" y="1155"/>
                  </a:lnTo>
                  <a:lnTo>
                    <a:pt x="273" y="1140"/>
                  </a:lnTo>
                  <a:lnTo>
                    <a:pt x="270" y="1128"/>
                  </a:lnTo>
                  <a:lnTo>
                    <a:pt x="270" y="1113"/>
                  </a:lnTo>
                  <a:lnTo>
                    <a:pt x="266" y="1098"/>
                  </a:lnTo>
                  <a:lnTo>
                    <a:pt x="266" y="1083"/>
                  </a:lnTo>
                  <a:lnTo>
                    <a:pt x="262" y="1068"/>
                  </a:lnTo>
                  <a:lnTo>
                    <a:pt x="262" y="1056"/>
                  </a:lnTo>
                  <a:lnTo>
                    <a:pt x="258" y="1041"/>
                  </a:lnTo>
                  <a:lnTo>
                    <a:pt x="258" y="1030"/>
                  </a:lnTo>
                  <a:lnTo>
                    <a:pt x="254" y="1014"/>
                  </a:lnTo>
                  <a:lnTo>
                    <a:pt x="254" y="999"/>
                  </a:lnTo>
                  <a:lnTo>
                    <a:pt x="254" y="984"/>
                  </a:lnTo>
                  <a:lnTo>
                    <a:pt x="251" y="969"/>
                  </a:lnTo>
                  <a:lnTo>
                    <a:pt x="251" y="954"/>
                  </a:lnTo>
                  <a:lnTo>
                    <a:pt x="251" y="942"/>
                  </a:lnTo>
                  <a:lnTo>
                    <a:pt x="247" y="927"/>
                  </a:lnTo>
                  <a:lnTo>
                    <a:pt x="247" y="916"/>
                  </a:lnTo>
                  <a:lnTo>
                    <a:pt x="247" y="901"/>
                  </a:lnTo>
                  <a:lnTo>
                    <a:pt x="243" y="885"/>
                  </a:lnTo>
                  <a:lnTo>
                    <a:pt x="243" y="870"/>
                  </a:lnTo>
                  <a:lnTo>
                    <a:pt x="243" y="855"/>
                  </a:lnTo>
                  <a:lnTo>
                    <a:pt x="243" y="844"/>
                  </a:lnTo>
                  <a:lnTo>
                    <a:pt x="243" y="828"/>
                  </a:lnTo>
                  <a:lnTo>
                    <a:pt x="243" y="813"/>
                  </a:lnTo>
                  <a:lnTo>
                    <a:pt x="243" y="802"/>
                  </a:lnTo>
                  <a:lnTo>
                    <a:pt x="239" y="787"/>
                  </a:lnTo>
                  <a:lnTo>
                    <a:pt x="239" y="775"/>
                  </a:lnTo>
                  <a:lnTo>
                    <a:pt x="239" y="764"/>
                  </a:lnTo>
                  <a:lnTo>
                    <a:pt x="243" y="752"/>
                  </a:lnTo>
                  <a:lnTo>
                    <a:pt x="243" y="737"/>
                  </a:lnTo>
                  <a:lnTo>
                    <a:pt x="243" y="722"/>
                  </a:lnTo>
                  <a:lnTo>
                    <a:pt x="243" y="711"/>
                  </a:lnTo>
                  <a:lnTo>
                    <a:pt x="247" y="695"/>
                  </a:lnTo>
                  <a:lnTo>
                    <a:pt x="247" y="680"/>
                  </a:lnTo>
                  <a:lnTo>
                    <a:pt x="247" y="665"/>
                  </a:lnTo>
                  <a:lnTo>
                    <a:pt x="247" y="650"/>
                  </a:lnTo>
                  <a:lnTo>
                    <a:pt x="251" y="635"/>
                  </a:lnTo>
                  <a:lnTo>
                    <a:pt x="251" y="619"/>
                  </a:lnTo>
                  <a:lnTo>
                    <a:pt x="254" y="604"/>
                  </a:lnTo>
                  <a:lnTo>
                    <a:pt x="254" y="589"/>
                  </a:lnTo>
                  <a:lnTo>
                    <a:pt x="258" y="574"/>
                  </a:lnTo>
                  <a:lnTo>
                    <a:pt x="258" y="555"/>
                  </a:lnTo>
                  <a:lnTo>
                    <a:pt x="258" y="540"/>
                  </a:lnTo>
                  <a:lnTo>
                    <a:pt x="262" y="521"/>
                  </a:lnTo>
                  <a:lnTo>
                    <a:pt x="262" y="505"/>
                  </a:lnTo>
                  <a:lnTo>
                    <a:pt x="266" y="486"/>
                  </a:lnTo>
                  <a:lnTo>
                    <a:pt x="266" y="471"/>
                  </a:lnTo>
                  <a:lnTo>
                    <a:pt x="266" y="452"/>
                  </a:lnTo>
                  <a:lnTo>
                    <a:pt x="270" y="437"/>
                  </a:lnTo>
                  <a:lnTo>
                    <a:pt x="270" y="418"/>
                  </a:lnTo>
                  <a:lnTo>
                    <a:pt x="270" y="403"/>
                  </a:lnTo>
                  <a:lnTo>
                    <a:pt x="270" y="384"/>
                  </a:lnTo>
                  <a:lnTo>
                    <a:pt x="273" y="369"/>
                  </a:lnTo>
                  <a:lnTo>
                    <a:pt x="273" y="353"/>
                  </a:lnTo>
                  <a:lnTo>
                    <a:pt x="273" y="338"/>
                  </a:lnTo>
                  <a:lnTo>
                    <a:pt x="273" y="319"/>
                  </a:lnTo>
                  <a:lnTo>
                    <a:pt x="273" y="304"/>
                  </a:lnTo>
                  <a:lnTo>
                    <a:pt x="270" y="289"/>
                  </a:lnTo>
                  <a:lnTo>
                    <a:pt x="270" y="274"/>
                  </a:lnTo>
                  <a:lnTo>
                    <a:pt x="266" y="255"/>
                  </a:lnTo>
                  <a:lnTo>
                    <a:pt x="266" y="239"/>
                  </a:lnTo>
                  <a:lnTo>
                    <a:pt x="262" y="224"/>
                  </a:lnTo>
                  <a:lnTo>
                    <a:pt x="258" y="213"/>
                  </a:lnTo>
                  <a:lnTo>
                    <a:pt x="254" y="198"/>
                  </a:lnTo>
                  <a:lnTo>
                    <a:pt x="254" y="182"/>
                  </a:lnTo>
                  <a:lnTo>
                    <a:pt x="251" y="167"/>
                  </a:lnTo>
                  <a:lnTo>
                    <a:pt x="247" y="156"/>
                  </a:lnTo>
                  <a:lnTo>
                    <a:pt x="239" y="141"/>
                  </a:lnTo>
                  <a:lnTo>
                    <a:pt x="235" y="129"/>
                  </a:lnTo>
                  <a:lnTo>
                    <a:pt x="228" y="118"/>
                  </a:lnTo>
                  <a:lnTo>
                    <a:pt x="224" y="107"/>
                  </a:lnTo>
                  <a:lnTo>
                    <a:pt x="216" y="95"/>
                  </a:lnTo>
                  <a:lnTo>
                    <a:pt x="209" y="84"/>
                  </a:lnTo>
                  <a:lnTo>
                    <a:pt x="201" y="76"/>
                  </a:lnTo>
                  <a:lnTo>
                    <a:pt x="194" y="65"/>
                  </a:lnTo>
                  <a:lnTo>
                    <a:pt x="182" y="53"/>
                  </a:lnTo>
                  <a:lnTo>
                    <a:pt x="175" y="50"/>
                  </a:lnTo>
                  <a:lnTo>
                    <a:pt x="163" y="38"/>
                  </a:lnTo>
                  <a:lnTo>
                    <a:pt x="152" y="31"/>
                  </a:lnTo>
                  <a:lnTo>
                    <a:pt x="140" y="27"/>
                  </a:lnTo>
                  <a:lnTo>
                    <a:pt x="129" y="23"/>
                  </a:lnTo>
                  <a:lnTo>
                    <a:pt x="114" y="15"/>
                  </a:lnTo>
                  <a:lnTo>
                    <a:pt x="102" y="12"/>
                  </a:lnTo>
                  <a:lnTo>
                    <a:pt x="87" y="8"/>
                  </a:lnTo>
                  <a:lnTo>
                    <a:pt x="72" y="8"/>
                  </a:lnTo>
                  <a:lnTo>
                    <a:pt x="57" y="0"/>
                  </a:lnTo>
                  <a:lnTo>
                    <a:pt x="42" y="0"/>
                  </a:lnTo>
                  <a:lnTo>
                    <a:pt x="23" y="0"/>
                  </a:lnTo>
                  <a:lnTo>
                    <a:pt x="4" y="4"/>
                  </a:lnTo>
                  <a:lnTo>
                    <a:pt x="0" y="8"/>
                  </a:lnTo>
                  <a:lnTo>
                    <a:pt x="4" y="8"/>
                  </a:lnTo>
                  <a:lnTo>
                    <a:pt x="4" y="8"/>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81" name="Freeform 29"/>
            <p:cNvSpPr>
              <a:spLocks/>
            </p:cNvSpPr>
            <p:nvPr/>
          </p:nvSpPr>
          <p:spPr bwMode="auto">
            <a:xfrm>
              <a:off x="4077" y="1095"/>
              <a:ext cx="350" cy="2222"/>
            </a:xfrm>
            <a:custGeom>
              <a:avLst/>
              <a:gdLst/>
              <a:ahLst/>
              <a:cxnLst>
                <a:cxn ang="0">
                  <a:pos x="88" y="57"/>
                </a:cxn>
                <a:cxn ang="0">
                  <a:pos x="175" y="125"/>
                </a:cxn>
                <a:cxn ang="0">
                  <a:pos x="236" y="205"/>
                </a:cxn>
                <a:cxn ang="0">
                  <a:pos x="277" y="292"/>
                </a:cxn>
                <a:cxn ang="0">
                  <a:pos x="304" y="379"/>
                </a:cxn>
                <a:cxn ang="0">
                  <a:pos x="315" y="478"/>
                </a:cxn>
                <a:cxn ang="0">
                  <a:pos x="315" y="577"/>
                </a:cxn>
                <a:cxn ang="0">
                  <a:pos x="308" y="683"/>
                </a:cxn>
                <a:cxn ang="0">
                  <a:pos x="296" y="790"/>
                </a:cxn>
                <a:cxn ang="0">
                  <a:pos x="281" y="896"/>
                </a:cxn>
                <a:cxn ang="0">
                  <a:pos x="270" y="1003"/>
                </a:cxn>
                <a:cxn ang="0">
                  <a:pos x="266" y="1079"/>
                </a:cxn>
                <a:cxn ang="0">
                  <a:pos x="266" y="1135"/>
                </a:cxn>
                <a:cxn ang="0">
                  <a:pos x="266" y="1189"/>
                </a:cxn>
                <a:cxn ang="0">
                  <a:pos x="270" y="1257"/>
                </a:cxn>
                <a:cxn ang="0">
                  <a:pos x="274" y="1310"/>
                </a:cxn>
                <a:cxn ang="0">
                  <a:pos x="281" y="1360"/>
                </a:cxn>
                <a:cxn ang="0">
                  <a:pos x="289" y="1409"/>
                </a:cxn>
                <a:cxn ang="0">
                  <a:pos x="296" y="1455"/>
                </a:cxn>
                <a:cxn ang="0">
                  <a:pos x="304" y="1508"/>
                </a:cxn>
                <a:cxn ang="0">
                  <a:pos x="312" y="1557"/>
                </a:cxn>
                <a:cxn ang="0">
                  <a:pos x="319" y="1614"/>
                </a:cxn>
                <a:cxn ang="0">
                  <a:pos x="327" y="1667"/>
                </a:cxn>
                <a:cxn ang="0">
                  <a:pos x="327" y="1721"/>
                </a:cxn>
                <a:cxn ang="0">
                  <a:pos x="327" y="1774"/>
                </a:cxn>
                <a:cxn ang="0">
                  <a:pos x="323" y="1827"/>
                </a:cxn>
                <a:cxn ang="0">
                  <a:pos x="315" y="1876"/>
                </a:cxn>
                <a:cxn ang="0">
                  <a:pos x="300" y="1922"/>
                </a:cxn>
                <a:cxn ang="0">
                  <a:pos x="277" y="1967"/>
                </a:cxn>
                <a:cxn ang="0">
                  <a:pos x="240" y="2013"/>
                </a:cxn>
                <a:cxn ang="0">
                  <a:pos x="198" y="2062"/>
                </a:cxn>
                <a:cxn ang="0">
                  <a:pos x="152" y="2104"/>
                </a:cxn>
                <a:cxn ang="0">
                  <a:pos x="110" y="2146"/>
                </a:cxn>
                <a:cxn ang="0">
                  <a:pos x="76" y="2188"/>
                </a:cxn>
                <a:cxn ang="0">
                  <a:pos x="99" y="2222"/>
                </a:cxn>
                <a:cxn ang="0">
                  <a:pos x="194" y="2138"/>
                </a:cxn>
                <a:cxn ang="0">
                  <a:pos x="266" y="2040"/>
                </a:cxn>
                <a:cxn ang="0">
                  <a:pos x="315" y="1937"/>
                </a:cxn>
                <a:cxn ang="0">
                  <a:pos x="342" y="1827"/>
                </a:cxn>
                <a:cxn ang="0">
                  <a:pos x="350" y="1709"/>
                </a:cxn>
                <a:cxn ang="0">
                  <a:pos x="346" y="1591"/>
                </a:cxn>
                <a:cxn ang="0">
                  <a:pos x="331" y="1470"/>
                </a:cxn>
                <a:cxn ang="0">
                  <a:pos x="315" y="1344"/>
                </a:cxn>
                <a:cxn ang="0">
                  <a:pos x="300" y="1219"/>
                </a:cxn>
                <a:cxn ang="0">
                  <a:pos x="293" y="1094"/>
                </a:cxn>
                <a:cxn ang="0">
                  <a:pos x="300" y="968"/>
                </a:cxn>
                <a:cxn ang="0">
                  <a:pos x="312" y="851"/>
                </a:cxn>
                <a:cxn ang="0">
                  <a:pos x="323" y="737"/>
                </a:cxn>
                <a:cxn ang="0">
                  <a:pos x="334" y="630"/>
                </a:cxn>
                <a:cxn ang="0">
                  <a:pos x="338" y="528"/>
                </a:cxn>
                <a:cxn ang="0">
                  <a:pos x="334" y="429"/>
                </a:cxn>
                <a:cxn ang="0">
                  <a:pos x="315" y="338"/>
                </a:cxn>
                <a:cxn ang="0">
                  <a:pos x="281" y="250"/>
                </a:cxn>
                <a:cxn ang="0">
                  <a:pos x="232" y="171"/>
                </a:cxn>
                <a:cxn ang="0">
                  <a:pos x="160" y="98"/>
                </a:cxn>
                <a:cxn ang="0">
                  <a:pos x="61" y="30"/>
                </a:cxn>
                <a:cxn ang="0">
                  <a:pos x="0" y="3"/>
                </a:cxn>
              </a:cxnLst>
              <a:rect l="0" t="0" r="r" b="b"/>
              <a:pathLst>
                <a:path w="350" h="2222">
                  <a:moveTo>
                    <a:pt x="0" y="3"/>
                  </a:moveTo>
                  <a:lnTo>
                    <a:pt x="19" y="15"/>
                  </a:lnTo>
                  <a:lnTo>
                    <a:pt x="38" y="22"/>
                  </a:lnTo>
                  <a:lnTo>
                    <a:pt x="53" y="34"/>
                  </a:lnTo>
                  <a:lnTo>
                    <a:pt x="72" y="45"/>
                  </a:lnTo>
                  <a:lnTo>
                    <a:pt x="88" y="57"/>
                  </a:lnTo>
                  <a:lnTo>
                    <a:pt x="107" y="68"/>
                  </a:lnTo>
                  <a:lnTo>
                    <a:pt x="122" y="79"/>
                  </a:lnTo>
                  <a:lnTo>
                    <a:pt x="137" y="91"/>
                  </a:lnTo>
                  <a:lnTo>
                    <a:pt x="148" y="102"/>
                  </a:lnTo>
                  <a:lnTo>
                    <a:pt x="164" y="114"/>
                  </a:lnTo>
                  <a:lnTo>
                    <a:pt x="175" y="125"/>
                  </a:lnTo>
                  <a:lnTo>
                    <a:pt x="186" y="140"/>
                  </a:lnTo>
                  <a:lnTo>
                    <a:pt x="198" y="152"/>
                  </a:lnTo>
                  <a:lnTo>
                    <a:pt x="209" y="167"/>
                  </a:lnTo>
                  <a:lnTo>
                    <a:pt x="217" y="178"/>
                  </a:lnTo>
                  <a:lnTo>
                    <a:pt x="228" y="193"/>
                  </a:lnTo>
                  <a:lnTo>
                    <a:pt x="236" y="205"/>
                  </a:lnTo>
                  <a:lnTo>
                    <a:pt x="243" y="220"/>
                  </a:lnTo>
                  <a:lnTo>
                    <a:pt x="251" y="235"/>
                  </a:lnTo>
                  <a:lnTo>
                    <a:pt x="259" y="246"/>
                  </a:lnTo>
                  <a:lnTo>
                    <a:pt x="266" y="262"/>
                  </a:lnTo>
                  <a:lnTo>
                    <a:pt x="274" y="277"/>
                  </a:lnTo>
                  <a:lnTo>
                    <a:pt x="277" y="292"/>
                  </a:lnTo>
                  <a:lnTo>
                    <a:pt x="285" y="307"/>
                  </a:lnTo>
                  <a:lnTo>
                    <a:pt x="289" y="322"/>
                  </a:lnTo>
                  <a:lnTo>
                    <a:pt x="293" y="334"/>
                  </a:lnTo>
                  <a:lnTo>
                    <a:pt x="296" y="349"/>
                  </a:lnTo>
                  <a:lnTo>
                    <a:pt x="300" y="368"/>
                  </a:lnTo>
                  <a:lnTo>
                    <a:pt x="304" y="379"/>
                  </a:lnTo>
                  <a:lnTo>
                    <a:pt x="308" y="398"/>
                  </a:lnTo>
                  <a:lnTo>
                    <a:pt x="308" y="414"/>
                  </a:lnTo>
                  <a:lnTo>
                    <a:pt x="312" y="429"/>
                  </a:lnTo>
                  <a:lnTo>
                    <a:pt x="312" y="444"/>
                  </a:lnTo>
                  <a:lnTo>
                    <a:pt x="315" y="463"/>
                  </a:lnTo>
                  <a:lnTo>
                    <a:pt x="315" y="478"/>
                  </a:lnTo>
                  <a:lnTo>
                    <a:pt x="315" y="493"/>
                  </a:lnTo>
                  <a:lnTo>
                    <a:pt x="315" y="512"/>
                  </a:lnTo>
                  <a:lnTo>
                    <a:pt x="315" y="528"/>
                  </a:lnTo>
                  <a:lnTo>
                    <a:pt x="315" y="543"/>
                  </a:lnTo>
                  <a:lnTo>
                    <a:pt x="315" y="562"/>
                  </a:lnTo>
                  <a:lnTo>
                    <a:pt x="315" y="577"/>
                  </a:lnTo>
                  <a:lnTo>
                    <a:pt x="312" y="592"/>
                  </a:lnTo>
                  <a:lnTo>
                    <a:pt x="312" y="611"/>
                  </a:lnTo>
                  <a:lnTo>
                    <a:pt x="312" y="630"/>
                  </a:lnTo>
                  <a:lnTo>
                    <a:pt x="308" y="645"/>
                  </a:lnTo>
                  <a:lnTo>
                    <a:pt x="308" y="664"/>
                  </a:lnTo>
                  <a:lnTo>
                    <a:pt x="308" y="683"/>
                  </a:lnTo>
                  <a:lnTo>
                    <a:pt x="304" y="699"/>
                  </a:lnTo>
                  <a:lnTo>
                    <a:pt x="304" y="718"/>
                  </a:lnTo>
                  <a:lnTo>
                    <a:pt x="300" y="737"/>
                  </a:lnTo>
                  <a:lnTo>
                    <a:pt x="300" y="752"/>
                  </a:lnTo>
                  <a:lnTo>
                    <a:pt x="296" y="771"/>
                  </a:lnTo>
                  <a:lnTo>
                    <a:pt x="296" y="790"/>
                  </a:lnTo>
                  <a:lnTo>
                    <a:pt x="293" y="805"/>
                  </a:lnTo>
                  <a:lnTo>
                    <a:pt x="289" y="824"/>
                  </a:lnTo>
                  <a:lnTo>
                    <a:pt x="289" y="843"/>
                  </a:lnTo>
                  <a:lnTo>
                    <a:pt x="285" y="862"/>
                  </a:lnTo>
                  <a:lnTo>
                    <a:pt x="285" y="881"/>
                  </a:lnTo>
                  <a:lnTo>
                    <a:pt x="281" y="896"/>
                  </a:lnTo>
                  <a:lnTo>
                    <a:pt x="281" y="915"/>
                  </a:lnTo>
                  <a:lnTo>
                    <a:pt x="277" y="934"/>
                  </a:lnTo>
                  <a:lnTo>
                    <a:pt x="277" y="953"/>
                  </a:lnTo>
                  <a:lnTo>
                    <a:pt x="274" y="968"/>
                  </a:lnTo>
                  <a:lnTo>
                    <a:pt x="274" y="987"/>
                  </a:lnTo>
                  <a:lnTo>
                    <a:pt x="270" y="1003"/>
                  </a:lnTo>
                  <a:lnTo>
                    <a:pt x="270" y="1014"/>
                  </a:lnTo>
                  <a:lnTo>
                    <a:pt x="266" y="1025"/>
                  </a:lnTo>
                  <a:lnTo>
                    <a:pt x="266" y="1041"/>
                  </a:lnTo>
                  <a:lnTo>
                    <a:pt x="266" y="1052"/>
                  </a:lnTo>
                  <a:lnTo>
                    <a:pt x="266" y="1063"/>
                  </a:lnTo>
                  <a:lnTo>
                    <a:pt x="266" y="1079"/>
                  </a:lnTo>
                  <a:lnTo>
                    <a:pt x="266" y="1090"/>
                  </a:lnTo>
                  <a:lnTo>
                    <a:pt x="266" y="1101"/>
                  </a:lnTo>
                  <a:lnTo>
                    <a:pt x="266" y="1116"/>
                  </a:lnTo>
                  <a:lnTo>
                    <a:pt x="266" y="1120"/>
                  </a:lnTo>
                  <a:lnTo>
                    <a:pt x="266" y="1128"/>
                  </a:lnTo>
                  <a:lnTo>
                    <a:pt x="266" y="1135"/>
                  </a:lnTo>
                  <a:lnTo>
                    <a:pt x="266" y="1143"/>
                  </a:lnTo>
                  <a:lnTo>
                    <a:pt x="266" y="1154"/>
                  </a:lnTo>
                  <a:lnTo>
                    <a:pt x="266" y="1166"/>
                  </a:lnTo>
                  <a:lnTo>
                    <a:pt x="266" y="1173"/>
                  </a:lnTo>
                  <a:lnTo>
                    <a:pt x="266" y="1181"/>
                  </a:lnTo>
                  <a:lnTo>
                    <a:pt x="266" y="1189"/>
                  </a:lnTo>
                  <a:lnTo>
                    <a:pt x="266" y="1196"/>
                  </a:lnTo>
                  <a:lnTo>
                    <a:pt x="266" y="1208"/>
                  </a:lnTo>
                  <a:lnTo>
                    <a:pt x="266" y="1219"/>
                  </a:lnTo>
                  <a:lnTo>
                    <a:pt x="270" y="1230"/>
                  </a:lnTo>
                  <a:lnTo>
                    <a:pt x="270" y="1246"/>
                  </a:lnTo>
                  <a:lnTo>
                    <a:pt x="270" y="1257"/>
                  </a:lnTo>
                  <a:lnTo>
                    <a:pt x="270" y="1272"/>
                  </a:lnTo>
                  <a:lnTo>
                    <a:pt x="270" y="1276"/>
                  </a:lnTo>
                  <a:lnTo>
                    <a:pt x="274" y="1284"/>
                  </a:lnTo>
                  <a:lnTo>
                    <a:pt x="274" y="1291"/>
                  </a:lnTo>
                  <a:lnTo>
                    <a:pt x="274" y="1295"/>
                  </a:lnTo>
                  <a:lnTo>
                    <a:pt x="274" y="1310"/>
                  </a:lnTo>
                  <a:lnTo>
                    <a:pt x="277" y="1322"/>
                  </a:lnTo>
                  <a:lnTo>
                    <a:pt x="277" y="1329"/>
                  </a:lnTo>
                  <a:lnTo>
                    <a:pt x="277" y="1333"/>
                  </a:lnTo>
                  <a:lnTo>
                    <a:pt x="281" y="1341"/>
                  </a:lnTo>
                  <a:lnTo>
                    <a:pt x="281" y="1348"/>
                  </a:lnTo>
                  <a:lnTo>
                    <a:pt x="281" y="1360"/>
                  </a:lnTo>
                  <a:lnTo>
                    <a:pt x="285" y="1375"/>
                  </a:lnTo>
                  <a:lnTo>
                    <a:pt x="285" y="1379"/>
                  </a:lnTo>
                  <a:lnTo>
                    <a:pt x="285" y="1386"/>
                  </a:lnTo>
                  <a:lnTo>
                    <a:pt x="285" y="1394"/>
                  </a:lnTo>
                  <a:lnTo>
                    <a:pt x="289" y="1401"/>
                  </a:lnTo>
                  <a:lnTo>
                    <a:pt x="289" y="1409"/>
                  </a:lnTo>
                  <a:lnTo>
                    <a:pt x="289" y="1417"/>
                  </a:lnTo>
                  <a:lnTo>
                    <a:pt x="289" y="1424"/>
                  </a:lnTo>
                  <a:lnTo>
                    <a:pt x="293" y="1432"/>
                  </a:lnTo>
                  <a:lnTo>
                    <a:pt x="293" y="1439"/>
                  </a:lnTo>
                  <a:lnTo>
                    <a:pt x="293" y="1447"/>
                  </a:lnTo>
                  <a:lnTo>
                    <a:pt x="296" y="1455"/>
                  </a:lnTo>
                  <a:lnTo>
                    <a:pt x="296" y="1466"/>
                  </a:lnTo>
                  <a:lnTo>
                    <a:pt x="296" y="1474"/>
                  </a:lnTo>
                  <a:lnTo>
                    <a:pt x="300" y="1481"/>
                  </a:lnTo>
                  <a:lnTo>
                    <a:pt x="300" y="1489"/>
                  </a:lnTo>
                  <a:lnTo>
                    <a:pt x="304" y="1496"/>
                  </a:lnTo>
                  <a:lnTo>
                    <a:pt x="304" y="1508"/>
                  </a:lnTo>
                  <a:lnTo>
                    <a:pt x="304" y="1515"/>
                  </a:lnTo>
                  <a:lnTo>
                    <a:pt x="304" y="1523"/>
                  </a:lnTo>
                  <a:lnTo>
                    <a:pt x="308" y="1534"/>
                  </a:lnTo>
                  <a:lnTo>
                    <a:pt x="308" y="1542"/>
                  </a:lnTo>
                  <a:lnTo>
                    <a:pt x="312" y="1550"/>
                  </a:lnTo>
                  <a:lnTo>
                    <a:pt x="312" y="1557"/>
                  </a:lnTo>
                  <a:lnTo>
                    <a:pt x="312" y="1569"/>
                  </a:lnTo>
                  <a:lnTo>
                    <a:pt x="312" y="1576"/>
                  </a:lnTo>
                  <a:lnTo>
                    <a:pt x="315" y="1588"/>
                  </a:lnTo>
                  <a:lnTo>
                    <a:pt x="315" y="1595"/>
                  </a:lnTo>
                  <a:lnTo>
                    <a:pt x="319" y="1603"/>
                  </a:lnTo>
                  <a:lnTo>
                    <a:pt x="319" y="1614"/>
                  </a:lnTo>
                  <a:lnTo>
                    <a:pt x="319" y="1622"/>
                  </a:lnTo>
                  <a:lnTo>
                    <a:pt x="319" y="1629"/>
                  </a:lnTo>
                  <a:lnTo>
                    <a:pt x="323" y="1641"/>
                  </a:lnTo>
                  <a:lnTo>
                    <a:pt x="323" y="1648"/>
                  </a:lnTo>
                  <a:lnTo>
                    <a:pt x="323" y="1660"/>
                  </a:lnTo>
                  <a:lnTo>
                    <a:pt x="327" y="1667"/>
                  </a:lnTo>
                  <a:lnTo>
                    <a:pt x="327" y="1679"/>
                  </a:lnTo>
                  <a:lnTo>
                    <a:pt x="327" y="1686"/>
                  </a:lnTo>
                  <a:lnTo>
                    <a:pt x="327" y="1694"/>
                  </a:lnTo>
                  <a:lnTo>
                    <a:pt x="327" y="1702"/>
                  </a:lnTo>
                  <a:lnTo>
                    <a:pt x="327" y="1713"/>
                  </a:lnTo>
                  <a:lnTo>
                    <a:pt x="327" y="1721"/>
                  </a:lnTo>
                  <a:lnTo>
                    <a:pt x="327" y="1732"/>
                  </a:lnTo>
                  <a:lnTo>
                    <a:pt x="327" y="1740"/>
                  </a:lnTo>
                  <a:lnTo>
                    <a:pt x="331" y="1747"/>
                  </a:lnTo>
                  <a:lnTo>
                    <a:pt x="327" y="1755"/>
                  </a:lnTo>
                  <a:lnTo>
                    <a:pt x="327" y="1766"/>
                  </a:lnTo>
                  <a:lnTo>
                    <a:pt x="327" y="1774"/>
                  </a:lnTo>
                  <a:lnTo>
                    <a:pt x="327" y="1781"/>
                  </a:lnTo>
                  <a:lnTo>
                    <a:pt x="327" y="1793"/>
                  </a:lnTo>
                  <a:lnTo>
                    <a:pt x="327" y="1800"/>
                  </a:lnTo>
                  <a:lnTo>
                    <a:pt x="327" y="1808"/>
                  </a:lnTo>
                  <a:lnTo>
                    <a:pt x="327" y="1819"/>
                  </a:lnTo>
                  <a:lnTo>
                    <a:pt x="323" y="1827"/>
                  </a:lnTo>
                  <a:lnTo>
                    <a:pt x="323" y="1835"/>
                  </a:lnTo>
                  <a:lnTo>
                    <a:pt x="319" y="1842"/>
                  </a:lnTo>
                  <a:lnTo>
                    <a:pt x="319" y="1850"/>
                  </a:lnTo>
                  <a:lnTo>
                    <a:pt x="315" y="1857"/>
                  </a:lnTo>
                  <a:lnTo>
                    <a:pt x="315" y="1865"/>
                  </a:lnTo>
                  <a:lnTo>
                    <a:pt x="315" y="1876"/>
                  </a:lnTo>
                  <a:lnTo>
                    <a:pt x="312" y="1884"/>
                  </a:lnTo>
                  <a:lnTo>
                    <a:pt x="308" y="1892"/>
                  </a:lnTo>
                  <a:lnTo>
                    <a:pt x="308" y="1899"/>
                  </a:lnTo>
                  <a:lnTo>
                    <a:pt x="304" y="1907"/>
                  </a:lnTo>
                  <a:lnTo>
                    <a:pt x="304" y="1914"/>
                  </a:lnTo>
                  <a:lnTo>
                    <a:pt x="300" y="1922"/>
                  </a:lnTo>
                  <a:lnTo>
                    <a:pt x="296" y="1930"/>
                  </a:lnTo>
                  <a:lnTo>
                    <a:pt x="293" y="1937"/>
                  </a:lnTo>
                  <a:lnTo>
                    <a:pt x="293" y="1945"/>
                  </a:lnTo>
                  <a:lnTo>
                    <a:pt x="285" y="1952"/>
                  </a:lnTo>
                  <a:lnTo>
                    <a:pt x="281" y="1960"/>
                  </a:lnTo>
                  <a:lnTo>
                    <a:pt x="277" y="1967"/>
                  </a:lnTo>
                  <a:lnTo>
                    <a:pt x="270" y="1975"/>
                  </a:lnTo>
                  <a:lnTo>
                    <a:pt x="266" y="1983"/>
                  </a:lnTo>
                  <a:lnTo>
                    <a:pt x="259" y="1990"/>
                  </a:lnTo>
                  <a:lnTo>
                    <a:pt x="251" y="1998"/>
                  </a:lnTo>
                  <a:lnTo>
                    <a:pt x="247" y="2009"/>
                  </a:lnTo>
                  <a:lnTo>
                    <a:pt x="240" y="2013"/>
                  </a:lnTo>
                  <a:lnTo>
                    <a:pt x="232" y="2021"/>
                  </a:lnTo>
                  <a:lnTo>
                    <a:pt x="228" y="2028"/>
                  </a:lnTo>
                  <a:lnTo>
                    <a:pt x="221" y="2040"/>
                  </a:lnTo>
                  <a:lnTo>
                    <a:pt x="213" y="2043"/>
                  </a:lnTo>
                  <a:lnTo>
                    <a:pt x="205" y="2055"/>
                  </a:lnTo>
                  <a:lnTo>
                    <a:pt x="198" y="2062"/>
                  </a:lnTo>
                  <a:lnTo>
                    <a:pt x="194" y="2070"/>
                  </a:lnTo>
                  <a:lnTo>
                    <a:pt x="183" y="2074"/>
                  </a:lnTo>
                  <a:lnTo>
                    <a:pt x="175" y="2081"/>
                  </a:lnTo>
                  <a:lnTo>
                    <a:pt x="167" y="2089"/>
                  </a:lnTo>
                  <a:lnTo>
                    <a:pt x="160" y="2097"/>
                  </a:lnTo>
                  <a:lnTo>
                    <a:pt x="152" y="2104"/>
                  </a:lnTo>
                  <a:lnTo>
                    <a:pt x="148" y="2112"/>
                  </a:lnTo>
                  <a:lnTo>
                    <a:pt x="141" y="2119"/>
                  </a:lnTo>
                  <a:lnTo>
                    <a:pt x="133" y="2127"/>
                  </a:lnTo>
                  <a:lnTo>
                    <a:pt x="126" y="2131"/>
                  </a:lnTo>
                  <a:lnTo>
                    <a:pt x="118" y="2138"/>
                  </a:lnTo>
                  <a:lnTo>
                    <a:pt x="110" y="2146"/>
                  </a:lnTo>
                  <a:lnTo>
                    <a:pt x="103" y="2154"/>
                  </a:lnTo>
                  <a:lnTo>
                    <a:pt x="99" y="2161"/>
                  </a:lnTo>
                  <a:lnTo>
                    <a:pt x="91" y="2169"/>
                  </a:lnTo>
                  <a:lnTo>
                    <a:pt x="84" y="2176"/>
                  </a:lnTo>
                  <a:lnTo>
                    <a:pt x="80" y="2184"/>
                  </a:lnTo>
                  <a:lnTo>
                    <a:pt x="76" y="2188"/>
                  </a:lnTo>
                  <a:lnTo>
                    <a:pt x="76" y="2195"/>
                  </a:lnTo>
                  <a:lnTo>
                    <a:pt x="76" y="2203"/>
                  </a:lnTo>
                  <a:lnTo>
                    <a:pt x="80" y="2214"/>
                  </a:lnTo>
                  <a:lnTo>
                    <a:pt x="84" y="2218"/>
                  </a:lnTo>
                  <a:lnTo>
                    <a:pt x="91" y="2222"/>
                  </a:lnTo>
                  <a:lnTo>
                    <a:pt x="99" y="2222"/>
                  </a:lnTo>
                  <a:lnTo>
                    <a:pt x="107" y="2218"/>
                  </a:lnTo>
                  <a:lnTo>
                    <a:pt x="126" y="2199"/>
                  </a:lnTo>
                  <a:lnTo>
                    <a:pt x="145" y="2184"/>
                  </a:lnTo>
                  <a:lnTo>
                    <a:pt x="160" y="2169"/>
                  </a:lnTo>
                  <a:lnTo>
                    <a:pt x="179" y="2154"/>
                  </a:lnTo>
                  <a:lnTo>
                    <a:pt x="194" y="2138"/>
                  </a:lnTo>
                  <a:lnTo>
                    <a:pt x="209" y="2123"/>
                  </a:lnTo>
                  <a:lnTo>
                    <a:pt x="221" y="2108"/>
                  </a:lnTo>
                  <a:lnTo>
                    <a:pt x="236" y="2093"/>
                  </a:lnTo>
                  <a:lnTo>
                    <a:pt x="247" y="2074"/>
                  </a:lnTo>
                  <a:lnTo>
                    <a:pt x="259" y="2059"/>
                  </a:lnTo>
                  <a:lnTo>
                    <a:pt x="266" y="2040"/>
                  </a:lnTo>
                  <a:lnTo>
                    <a:pt x="277" y="2024"/>
                  </a:lnTo>
                  <a:lnTo>
                    <a:pt x="285" y="2005"/>
                  </a:lnTo>
                  <a:lnTo>
                    <a:pt x="296" y="1986"/>
                  </a:lnTo>
                  <a:lnTo>
                    <a:pt x="304" y="1971"/>
                  </a:lnTo>
                  <a:lnTo>
                    <a:pt x="312" y="1956"/>
                  </a:lnTo>
                  <a:lnTo>
                    <a:pt x="315" y="1937"/>
                  </a:lnTo>
                  <a:lnTo>
                    <a:pt x="323" y="1918"/>
                  </a:lnTo>
                  <a:lnTo>
                    <a:pt x="327" y="1899"/>
                  </a:lnTo>
                  <a:lnTo>
                    <a:pt x="331" y="1880"/>
                  </a:lnTo>
                  <a:lnTo>
                    <a:pt x="334" y="1861"/>
                  </a:lnTo>
                  <a:lnTo>
                    <a:pt x="338" y="1846"/>
                  </a:lnTo>
                  <a:lnTo>
                    <a:pt x="342" y="1827"/>
                  </a:lnTo>
                  <a:lnTo>
                    <a:pt x="346" y="1808"/>
                  </a:lnTo>
                  <a:lnTo>
                    <a:pt x="346" y="1789"/>
                  </a:lnTo>
                  <a:lnTo>
                    <a:pt x="346" y="1770"/>
                  </a:lnTo>
                  <a:lnTo>
                    <a:pt x="350" y="1747"/>
                  </a:lnTo>
                  <a:lnTo>
                    <a:pt x="350" y="1732"/>
                  </a:lnTo>
                  <a:lnTo>
                    <a:pt x="350" y="1709"/>
                  </a:lnTo>
                  <a:lnTo>
                    <a:pt x="350" y="1694"/>
                  </a:lnTo>
                  <a:lnTo>
                    <a:pt x="350" y="1671"/>
                  </a:lnTo>
                  <a:lnTo>
                    <a:pt x="350" y="1652"/>
                  </a:lnTo>
                  <a:lnTo>
                    <a:pt x="346" y="1633"/>
                  </a:lnTo>
                  <a:lnTo>
                    <a:pt x="346" y="1614"/>
                  </a:lnTo>
                  <a:lnTo>
                    <a:pt x="346" y="1591"/>
                  </a:lnTo>
                  <a:lnTo>
                    <a:pt x="342" y="1572"/>
                  </a:lnTo>
                  <a:lnTo>
                    <a:pt x="342" y="1553"/>
                  </a:lnTo>
                  <a:lnTo>
                    <a:pt x="338" y="1531"/>
                  </a:lnTo>
                  <a:lnTo>
                    <a:pt x="334" y="1512"/>
                  </a:lnTo>
                  <a:lnTo>
                    <a:pt x="334" y="1493"/>
                  </a:lnTo>
                  <a:lnTo>
                    <a:pt x="331" y="1470"/>
                  </a:lnTo>
                  <a:lnTo>
                    <a:pt x="331" y="1451"/>
                  </a:lnTo>
                  <a:lnTo>
                    <a:pt x="327" y="1428"/>
                  </a:lnTo>
                  <a:lnTo>
                    <a:pt x="323" y="1409"/>
                  </a:lnTo>
                  <a:lnTo>
                    <a:pt x="319" y="1386"/>
                  </a:lnTo>
                  <a:lnTo>
                    <a:pt x="319" y="1367"/>
                  </a:lnTo>
                  <a:lnTo>
                    <a:pt x="315" y="1344"/>
                  </a:lnTo>
                  <a:lnTo>
                    <a:pt x="312" y="1325"/>
                  </a:lnTo>
                  <a:lnTo>
                    <a:pt x="308" y="1303"/>
                  </a:lnTo>
                  <a:lnTo>
                    <a:pt x="308" y="1284"/>
                  </a:lnTo>
                  <a:lnTo>
                    <a:pt x="304" y="1261"/>
                  </a:lnTo>
                  <a:lnTo>
                    <a:pt x="304" y="1242"/>
                  </a:lnTo>
                  <a:lnTo>
                    <a:pt x="300" y="1219"/>
                  </a:lnTo>
                  <a:lnTo>
                    <a:pt x="300" y="1196"/>
                  </a:lnTo>
                  <a:lnTo>
                    <a:pt x="296" y="1177"/>
                  </a:lnTo>
                  <a:lnTo>
                    <a:pt x="296" y="1158"/>
                  </a:lnTo>
                  <a:lnTo>
                    <a:pt x="296" y="1135"/>
                  </a:lnTo>
                  <a:lnTo>
                    <a:pt x="293" y="1113"/>
                  </a:lnTo>
                  <a:lnTo>
                    <a:pt x="293" y="1094"/>
                  </a:lnTo>
                  <a:lnTo>
                    <a:pt x="293" y="1071"/>
                  </a:lnTo>
                  <a:lnTo>
                    <a:pt x="293" y="1052"/>
                  </a:lnTo>
                  <a:lnTo>
                    <a:pt x="296" y="1029"/>
                  </a:lnTo>
                  <a:lnTo>
                    <a:pt x="296" y="1010"/>
                  </a:lnTo>
                  <a:lnTo>
                    <a:pt x="300" y="987"/>
                  </a:lnTo>
                  <a:lnTo>
                    <a:pt x="300" y="968"/>
                  </a:lnTo>
                  <a:lnTo>
                    <a:pt x="300" y="949"/>
                  </a:lnTo>
                  <a:lnTo>
                    <a:pt x="304" y="927"/>
                  </a:lnTo>
                  <a:lnTo>
                    <a:pt x="304" y="908"/>
                  </a:lnTo>
                  <a:lnTo>
                    <a:pt x="304" y="889"/>
                  </a:lnTo>
                  <a:lnTo>
                    <a:pt x="308" y="870"/>
                  </a:lnTo>
                  <a:lnTo>
                    <a:pt x="312" y="851"/>
                  </a:lnTo>
                  <a:lnTo>
                    <a:pt x="312" y="832"/>
                  </a:lnTo>
                  <a:lnTo>
                    <a:pt x="315" y="813"/>
                  </a:lnTo>
                  <a:lnTo>
                    <a:pt x="315" y="794"/>
                  </a:lnTo>
                  <a:lnTo>
                    <a:pt x="319" y="775"/>
                  </a:lnTo>
                  <a:lnTo>
                    <a:pt x="323" y="756"/>
                  </a:lnTo>
                  <a:lnTo>
                    <a:pt x="323" y="737"/>
                  </a:lnTo>
                  <a:lnTo>
                    <a:pt x="327" y="721"/>
                  </a:lnTo>
                  <a:lnTo>
                    <a:pt x="327" y="702"/>
                  </a:lnTo>
                  <a:lnTo>
                    <a:pt x="331" y="683"/>
                  </a:lnTo>
                  <a:lnTo>
                    <a:pt x="331" y="664"/>
                  </a:lnTo>
                  <a:lnTo>
                    <a:pt x="334" y="649"/>
                  </a:lnTo>
                  <a:lnTo>
                    <a:pt x="334" y="630"/>
                  </a:lnTo>
                  <a:lnTo>
                    <a:pt x="334" y="611"/>
                  </a:lnTo>
                  <a:lnTo>
                    <a:pt x="334" y="596"/>
                  </a:lnTo>
                  <a:lnTo>
                    <a:pt x="334" y="577"/>
                  </a:lnTo>
                  <a:lnTo>
                    <a:pt x="338" y="562"/>
                  </a:lnTo>
                  <a:lnTo>
                    <a:pt x="338" y="547"/>
                  </a:lnTo>
                  <a:lnTo>
                    <a:pt x="338" y="528"/>
                  </a:lnTo>
                  <a:lnTo>
                    <a:pt x="338" y="512"/>
                  </a:lnTo>
                  <a:lnTo>
                    <a:pt x="338" y="493"/>
                  </a:lnTo>
                  <a:lnTo>
                    <a:pt x="338" y="478"/>
                  </a:lnTo>
                  <a:lnTo>
                    <a:pt x="334" y="463"/>
                  </a:lnTo>
                  <a:lnTo>
                    <a:pt x="334" y="448"/>
                  </a:lnTo>
                  <a:lnTo>
                    <a:pt x="334" y="429"/>
                  </a:lnTo>
                  <a:lnTo>
                    <a:pt x="334" y="417"/>
                  </a:lnTo>
                  <a:lnTo>
                    <a:pt x="331" y="398"/>
                  </a:lnTo>
                  <a:lnTo>
                    <a:pt x="327" y="383"/>
                  </a:lnTo>
                  <a:lnTo>
                    <a:pt x="323" y="368"/>
                  </a:lnTo>
                  <a:lnTo>
                    <a:pt x="319" y="353"/>
                  </a:lnTo>
                  <a:lnTo>
                    <a:pt x="315" y="338"/>
                  </a:lnTo>
                  <a:lnTo>
                    <a:pt x="312" y="322"/>
                  </a:lnTo>
                  <a:lnTo>
                    <a:pt x="308" y="311"/>
                  </a:lnTo>
                  <a:lnTo>
                    <a:pt x="304" y="296"/>
                  </a:lnTo>
                  <a:lnTo>
                    <a:pt x="296" y="281"/>
                  </a:lnTo>
                  <a:lnTo>
                    <a:pt x="289" y="265"/>
                  </a:lnTo>
                  <a:lnTo>
                    <a:pt x="281" y="250"/>
                  </a:lnTo>
                  <a:lnTo>
                    <a:pt x="277" y="239"/>
                  </a:lnTo>
                  <a:lnTo>
                    <a:pt x="270" y="224"/>
                  </a:lnTo>
                  <a:lnTo>
                    <a:pt x="262" y="212"/>
                  </a:lnTo>
                  <a:lnTo>
                    <a:pt x="251" y="197"/>
                  </a:lnTo>
                  <a:lnTo>
                    <a:pt x="243" y="186"/>
                  </a:lnTo>
                  <a:lnTo>
                    <a:pt x="232" y="171"/>
                  </a:lnTo>
                  <a:lnTo>
                    <a:pt x="224" y="159"/>
                  </a:lnTo>
                  <a:lnTo>
                    <a:pt x="209" y="148"/>
                  </a:lnTo>
                  <a:lnTo>
                    <a:pt x="202" y="136"/>
                  </a:lnTo>
                  <a:lnTo>
                    <a:pt x="186" y="121"/>
                  </a:lnTo>
                  <a:lnTo>
                    <a:pt x="175" y="110"/>
                  </a:lnTo>
                  <a:lnTo>
                    <a:pt x="160" y="98"/>
                  </a:lnTo>
                  <a:lnTo>
                    <a:pt x="148" y="87"/>
                  </a:lnTo>
                  <a:lnTo>
                    <a:pt x="129" y="76"/>
                  </a:lnTo>
                  <a:lnTo>
                    <a:pt x="114" y="64"/>
                  </a:lnTo>
                  <a:lnTo>
                    <a:pt x="99" y="53"/>
                  </a:lnTo>
                  <a:lnTo>
                    <a:pt x="80" y="41"/>
                  </a:lnTo>
                  <a:lnTo>
                    <a:pt x="61" y="30"/>
                  </a:lnTo>
                  <a:lnTo>
                    <a:pt x="46" y="19"/>
                  </a:lnTo>
                  <a:lnTo>
                    <a:pt x="23" y="11"/>
                  </a:lnTo>
                  <a:lnTo>
                    <a:pt x="4" y="0"/>
                  </a:lnTo>
                  <a:lnTo>
                    <a:pt x="0" y="3"/>
                  </a:lnTo>
                  <a:lnTo>
                    <a:pt x="0" y="3"/>
                  </a:lnTo>
                  <a:lnTo>
                    <a:pt x="0" y="3"/>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sp>
          <p:nvSpPr>
            <p:cNvPr id="23582" name="Freeform 30"/>
            <p:cNvSpPr>
              <a:spLocks/>
            </p:cNvSpPr>
            <p:nvPr/>
          </p:nvSpPr>
          <p:spPr bwMode="auto">
            <a:xfrm>
              <a:off x="2816" y="84"/>
              <a:ext cx="1812" cy="3385"/>
            </a:xfrm>
            <a:custGeom>
              <a:avLst/>
              <a:gdLst/>
              <a:ahLst/>
              <a:cxnLst>
                <a:cxn ang="0">
                  <a:pos x="1812" y="2770"/>
                </a:cxn>
                <a:cxn ang="0">
                  <a:pos x="1797" y="2477"/>
                </a:cxn>
                <a:cxn ang="0">
                  <a:pos x="1778" y="2188"/>
                </a:cxn>
                <a:cxn ang="0">
                  <a:pos x="1770" y="1907"/>
                </a:cxn>
                <a:cxn ang="0">
                  <a:pos x="1785" y="1664"/>
                </a:cxn>
                <a:cxn ang="0">
                  <a:pos x="1793" y="1436"/>
                </a:cxn>
                <a:cxn ang="0">
                  <a:pos x="1747" y="1216"/>
                </a:cxn>
                <a:cxn ang="0">
                  <a:pos x="1603" y="1003"/>
                </a:cxn>
                <a:cxn ang="0">
                  <a:pos x="1485" y="916"/>
                </a:cxn>
                <a:cxn ang="0">
                  <a:pos x="1352" y="870"/>
                </a:cxn>
                <a:cxn ang="0">
                  <a:pos x="1235" y="862"/>
                </a:cxn>
                <a:cxn ang="0">
                  <a:pos x="1189" y="691"/>
                </a:cxn>
                <a:cxn ang="0">
                  <a:pos x="1086" y="574"/>
                </a:cxn>
                <a:cxn ang="0">
                  <a:pos x="961" y="532"/>
                </a:cxn>
                <a:cxn ang="0">
                  <a:pos x="832" y="524"/>
                </a:cxn>
                <a:cxn ang="0">
                  <a:pos x="714" y="517"/>
                </a:cxn>
                <a:cxn ang="0">
                  <a:pos x="596" y="517"/>
                </a:cxn>
                <a:cxn ang="0">
                  <a:pos x="479" y="520"/>
                </a:cxn>
                <a:cxn ang="0">
                  <a:pos x="479" y="444"/>
                </a:cxn>
                <a:cxn ang="0">
                  <a:pos x="562" y="281"/>
                </a:cxn>
                <a:cxn ang="0">
                  <a:pos x="585" y="114"/>
                </a:cxn>
                <a:cxn ang="0">
                  <a:pos x="475" y="11"/>
                </a:cxn>
                <a:cxn ang="0">
                  <a:pos x="319" y="0"/>
                </a:cxn>
                <a:cxn ang="0">
                  <a:pos x="197" y="11"/>
                </a:cxn>
                <a:cxn ang="0">
                  <a:pos x="46" y="80"/>
                </a:cxn>
                <a:cxn ang="0">
                  <a:pos x="0" y="228"/>
                </a:cxn>
                <a:cxn ang="0">
                  <a:pos x="30" y="350"/>
                </a:cxn>
                <a:cxn ang="0">
                  <a:pos x="152" y="490"/>
                </a:cxn>
                <a:cxn ang="0">
                  <a:pos x="57" y="308"/>
                </a:cxn>
                <a:cxn ang="0">
                  <a:pos x="72" y="118"/>
                </a:cxn>
                <a:cxn ang="0">
                  <a:pos x="220" y="65"/>
                </a:cxn>
                <a:cxn ang="0">
                  <a:pos x="334" y="57"/>
                </a:cxn>
                <a:cxn ang="0">
                  <a:pos x="486" y="87"/>
                </a:cxn>
                <a:cxn ang="0">
                  <a:pos x="513" y="213"/>
                </a:cxn>
                <a:cxn ang="0">
                  <a:pos x="448" y="365"/>
                </a:cxn>
                <a:cxn ang="0">
                  <a:pos x="361" y="517"/>
                </a:cxn>
                <a:cxn ang="0">
                  <a:pos x="425" y="551"/>
                </a:cxn>
                <a:cxn ang="0">
                  <a:pos x="558" y="566"/>
                </a:cxn>
                <a:cxn ang="0">
                  <a:pos x="691" y="577"/>
                </a:cxn>
                <a:cxn ang="0">
                  <a:pos x="821" y="585"/>
                </a:cxn>
                <a:cxn ang="0">
                  <a:pos x="984" y="608"/>
                </a:cxn>
                <a:cxn ang="0">
                  <a:pos x="1117" y="729"/>
                </a:cxn>
                <a:cxn ang="0">
                  <a:pos x="1159" y="862"/>
                </a:cxn>
                <a:cxn ang="0">
                  <a:pos x="1219" y="1003"/>
                </a:cxn>
                <a:cxn ang="0">
                  <a:pos x="1394" y="999"/>
                </a:cxn>
                <a:cxn ang="0">
                  <a:pos x="1576" y="1125"/>
                </a:cxn>
                <a:cxn ang="0">
                  <a:pos x="1660" y="1314"/>
                </a:cxn>
                <a:cxn ang="0">
                  <a:pos x="1668" y="1569"/>
                </a:cxn>
                <a:cxn ang="0">
                  <a:pos x="1645" y="1778"/>
                </a:cxn>
                <a:cxn ang="0">
                  <a:pos x="1641" y="1979"/>
                </a:cxn>
                <a:cxn ang="0">
                  <a:pos x="1649" y="2177"/>
                </a:cxn>
                <a:cxn ang="0">
                  <a:pos x="1652" y="2378"/>
                </a:cxn>
                <a:cxn ang="0">
                  <a:pos x="1679" y="2595"/>
                </a:cxn>
                <a:cxn ang="0">
                  <a:pos x="1694" y="2830"/>
                </a:cxn>
                <a:cxn ang="0">
                  <a:pos x="1637" y="3039"/>
                </a:cxn>
                <a:cxn ang="0">
                  <a:pos x="1478" y="3172"/>
                </a:cxn>
                <a:cxn ang="0">
                  <a:pos x="1360" y="3282"/>
                </a:cxn>
                <a:cxn ang="0">
                  <a:pos x="1371" y="3347"/>
                </a:cxn>
                <a:cxn ang="0">
                  <a:pos x="1523" y="3275"/>
                </a:cxn>
                <a:cxn ang="0">
                  <a:pos x="1679" y="3203"/>
                </a:cxn>
                <a:cxn ang="0">
                  <a:pos x="1785" y="3092"/>
                </a:cxn>
              </a:cxnLst>
              <a:rect l="0" t="0" r="r" b="b"/>
              <a:pathLst>
                <a:path w="1812" h="3385">
                  <a:moveTo>
                    <a:pt x="1801" y="3039"/>
                  </a:moveTo>
                  <a:lnTo>
                    <a:pt x="1801" y="3020"/>
                  </a:lnTo>
                  <a:lnTo>
                    <a:pt x="1801" y="3005"/>
                  </a:lnTo>
                  <a:lnTo>
                    <a:pt x="1804" y="2986"/>
                  </a:lnTo>
                  <a:lnTo>
                    <a:pt x="1804" y="2971"/>
                  </a:lnTo>
                  <a:lnTo>
                    <a:pt x="1804" y="2956"/>
                  </a:lnTo>
                  <a:lnTo>
                    <a:pt x="1808" y="2937"/>
                  </a:lnTo>
                  <a:lnTo>
                    <a:pt x="1808" y="2922"/>
                  </a:lnTo>
                  <a:lnTo>
                    <a:pt x="1808" y="2906"/>
                  </a:lnTo>
                  <a:lnTo>
                    <a:pt x="1808" y="2887"/>
                  </a:lnTo>
                  <a:lnTo>
                    <a:pt x="1808" y="2868"/>
                  </a:lnTo>
                  <a:lnTo>
                    <a:pt x="1808" y="2853"/>
                  </a:lnTo>
                  <a:lnTo>
                    <a:pt x="1808" y="2838"/>
                  </a:lnTo>
                  <a:lnTo>
                    <a:pt x="1808" y="2819"/>
                  </a:lnTo>
                  <a:lnTo>
                    <a:pt x="1808" y="2804"/>
                  </a:lnTo>
                  <a:lnTo>
                    <a:pt x="1808" y="2785"/>
                  </a:lnTo>
                  <a:lnTo>
                    <a:pt x="1812" y="2770"/>
                  </a:lnTo>
                  <a:lnTo>
                    <a:pt x="1808" y="2751"/>
                  </a:lnTo>
                  <a:lnTo>
                    <a:pt x="1808" y="2735"/>
                  </a:lnTo>
                  <a:lnTo>
                    <a:pt x="1808" y="2716"/>
                  </a:lnTo>
                  <a:lnTo>
                    <a:pt x="1808" y="2701"/>
                  </a:lnTo>
                  <a:lnTo>
                    <a:pt x="1808" y="2682"/>
                  </a:lnTo>
                  <a:lnTo>
                    <a:pt x="1808" y="2667"/>
                  </a:lnTo>
                  <a:lnTo>
                    <a:pt x="1804" y="2648"/>
                  </a:lnTo>
                  <a:lnTo>
                    <a:pt x="1804" y="2633"/>
                  </a:lnTo>
                  <a:lnTo>
                    <a:pt x="1804" y="2614"/>
                  </a:lnTo>
                  <a:lnTo>
                    <a:pt x="1804" y="2599"/>
                  </a:lnTo>
                  <a:lnTo>
                    <a:pt x="1801" y="2580"/>
                  </a:lnTo>
                  <a:lnTo>
                    <a:pt x="1801" y="2564"/>
                  </a:lnTo>
                  <a:lnTo>
                    <a:pt x="1801" y="2545"/>
                  </a:lnTo>
                  <a:lnTo>
                    <a:pt x="1801" y="2530"/>
                  </a:lnTo>
                  <a:lnTo>
                    <a:pt x="1801" y="2511"/>
                  </a:lnTo>
                  <a:lnTo>
                    <a:pt x="1801" y="2496"/>
                  </a:lnTo>
                  <a:lnTo>
                    <a:pt x="1797" y="2477"/>
                  </a:lnTo>
                  <a:lnTo>
                    <a:pt x="1797" y="2462"/>
                  </a:lnTo>
                  <a:lnTo>
                    <a:pt x="1793" y="2443"/>
                  </a:lnTo>
                  <a:lnTo>
                    <a:pt x="1793" y="2428"/>
                  </a:lnTo>
                  <a:lnTo>
                    <a:pt x="1793" y="2409"/>
                  </a:lnTo>
                  <a:lnTo>
                    <a:pt x="1793" y="2393"/>
                  </a:lnTo>
                  <a:lnTo>
                    <a:pt x="1789" y="2374"/>
                  </a:lnTo>
                  <a:lnTo>
                    <a:pt x="1789" y="2359"/>
                  </a:lnTo>
                  <a:lnTo>
                    <a:pt x="1789" y="2340"/>
                  </a:lnTo>
                  <a:lnTo>
                    <a:pt x="1785" y="2325"/>
                  </a:lnTo>
                  <a:lnTo>
                    <a:pt x="1785" y="2306"/>
                  </a:lnTo>
                  <a:lnTo>
                    <a:pt x="1785" y="2291"/>
                  </a:lnTo>
                  <a:lnTo>
                    <a:pt x="1782" y="2272"/>
                  </a:lnTo>
                  <a:lnTo>
                    <a:pt x="1782" y="2253"/>
                  </a:lnTo>
                  <a:lnTo>
                    <a:pt x="1782" y="2238"/>
                  </a:lnTo>
                  <a:lnTo>
                    <a:pt x="1782" y="2222"/>
                  </a:lnTo>
                  <a:lnTo>
                    <a:pt x="1778" y="2203"/>
                  </a:lnTo>
                  <a:lnTo>
                    <a:pt x="1778" y="2188"/>
                  </a:lnTo>
                  <a:lnTo>
                    <a:pt x="1778" y="2169"/>
                  </a:lnTo>
                  <a:lnTo>
                    <a:pt x="1778" y="2154"/>
                  </a:lnTo>
                  <a:lnTo>
                    <a:pt x="1774" y="2135"/>
                  </a:lnTo>
                  <a:lnTo>
                    <a:pt x="1774" y="2120"/>
                  </a:lnTo>
                  <a:lnTo>
                    <a:pt x="1774" y="2101"/>
                  </a:lnTo>
                  <a:lnTo>
                    <a:pt x="1774" y="2086"/>
                  </a:lnTo>
                  <a:lnTo>
                    <a:pt x="1770" y="2071"/>
                  </a:lnTo>
                  <a:lnTo>
                    <a:pt x="1770" y="2052"/>
                  </a:lnTo>
                  <a:lnTo>
                    <a:pt x="1770" y="2036"/>
                  </a:lnTo>
                  <a:lnTo>
                    <a:pt x="1770" y="2021"/>
                  </a:lnTo>
                  <a:lnTo>
                    <a:pt x="1770" y="2002"/>
                  </a:lnTo>
                  <a:lnTo>
                    <a:pt x="1770" y="1987"/>
                  </a:lnTo>
                  <a:lnTo>
                    <a:pt x="1770" y="1972"/>
                  </a:lnTo>
                  <a:lnTo>
                    <a:pt x="1770" y="1957"/>
                  </a:lnTo>
                  <a:lnTo>
                    <a:pt x="1770" y="1938"/>
                  </a:lnTo>
                  <a:lnTo>
                    <a:pt x="1770" y="1922"/>
                  </a:lnTo>
                  <a:lnTo>
                    <a:pt x="1770" y="1907"/>
                  </a:lnTo>
                  <a:lnTo>
                    <a:pt x="1770" y="1892"/>
                  </a:lnTo>
                  <a:lnTo>
                    <a:pt x="1770" y="1881"/>
                  </a:lnTo>
                  <a:lnTo>
                    <a:pt x="1770" y="1865"/>
                  </a:lnTo>
                  <a:lnTo>
                    <a:pt x="1770" y="1850"/>
                  </a:lnTo>
                  <a:lnTo>
                    <a:pt x="1774" y="1835"/>
                  </a:lnTo>
                  <a:lnTo>
                    <a:pt x="1774" y="1820"/>
                  </a:lnTo>
                  <a:lnTo>
                    <a:pt x="1774" y="1808"/>
                  </a:lnTo>
                  <a:lnTo>
                    <a:pt x="1774" y="1793"/>
                  </a:lnTo>
                  <a:lnTo>
                    <a:pt x="1778" y="1778"/>
                  </a:lnTo>
                  <a:lnTo>
                    <a:pt x="1778" y="1763"/>
                  </a:lnTo>
                  <a:lnTo>
                    <a:pt x="1778" y="1748"/>
                  </a:lnTo>
                  <a:lnTo>
                    <a:pt x="1778" y="1732"/>
                  </a:lnTo>
                  <a:lnTo>
                    <a:pt x="1782" y="1721"/>
                  </a:lnTo>
                  <a:lnTo>
                    <a:pt x="1782" y="1706"/>
                  </a:lnTo>
                  <a:lnTo>
                    <a:pt x="1785" y="1691"/>
                  </a:lnTo>
                  <a:lnTo>
                    <a:pt x="1785" y="1675"/>
                  </a:lnTo>
                  <a:lnTo>
                    <a:pt x="1785" y="1664"/>
                  </a:lnTo>
                  <a:lnTo>
                    <a:pt x="1785" y="1649"/>
                  </a:lnTo>
                  <a:lnTo>
                    <a:pt x="1789" y="1637"/>
                  </a:lnTo>
                  <a:lnTo>
                    <a:pt x="1789" y="1622"/>
                  </a:lnTo>
                  <a:lnTo>
                    <a:pt x="1793" y="1611"/>
                  </a:lnTo>
                  <a:lnTo>
                    <a:pt x="1793" y="1596"/>
                  </a:lnTo>
                  <a:lnTo>
                    <a:pt x="1793" y="1580"/>
                  </a:lnTo>
                  <a:lnTo>
                    <a:pt x="1793" y="1569"/>
                  </a:lnTo>
                  <a:lnTo>
                    <a:pt x="1793" y="1554"/>
                  </a:lnTo>
                  <a:lnTo>
                    <a:pt x="1793" y="1542"/>
                  </a:lnTo>
                  <a:lnTo>
                    <a:pt x="1793" y="1527"/>
                  </a:lnTo>
                  <a:lnTo>
                    <a:pt x="1797" y="1516"/>
                  </a:lnTo>
                  <a:lnTo>
                    <a:pt x="1797" y="1501"/>
                  </a:lnTo>
                  <a:lnTo>
                    <a:pt x="1797" y="1489"/>
                  </a:lnTo>
                  <a:lnTo>
                    <a:pt x="1797" y="1474"/>
                  </a:lnTo>
                  <a:lnTo>
                    <a:pt x="1797" y="1463"/>
                  </a:lnTo>
                  <a:lnTo>
                    <a:pt x="1797" y="1447"/>
                  </a:lnTo>
                  <a:lnTo>
                    <a:pt x="1793" y="1436"/>
                  </a:lnTo>
                  <a:lnTo>
                    <a:pt x="1793" y="1421"/>
                  </a:lnTo>
                  <a:lnTo>
                    <a:pt x="1793" y="1409"/>
                  </a:lnTo>
                  <a:lnTo>
                    <a:pt x="1793" y="1394"/>
                  </a:lnTo>
                  <a:lnTo>
                    <a:pt x="1793" y="1383"/>
                  </a:lnTo>
                  <a:lnTo>
                    <a:pt x="1789" y="1368"/>
                  </a:lnTo>
                  <a:lnTo>
                    <a:pt x="1789" y="1356"/>
                  </a:lnTo>
                  <a:lnTo>
                    <a:pt x="1785" y="1341"/>
                  </a:lnTo>
                  <a:lnTo>
                    <a:pt x="1782" y="1330"/>
                  </a:lnTo>
                  <a:lnTo>
                    <a:pt x="1782" y="1318"/>
                  </a:lnTo>
                  <a:lnTo>
                    <a:pt x="1778" y="1303"/>
                  </a:lnTo>
                  <a:lnTo>
                    <a:pt x="1774" y="1292"/>
                  </a:lnTo>
                  <a:lnTo>
                    <a:pt x="1770" y="1280"/>
                  </a:lnTo>
                  <a:lnTo>
                    <a:pt x="1766" y="1265"/>
                  </a:lnTo>
                  <a:lnTo>
                    <a:pt x="1763" y="1254"/>
                  </a:lnTo>
                  <a:lnTo>
                    <a:pt x="1759" y="1242"/>
                  </a:lnTo>
                  <a:lnTo>
                    <a:pt x="1755" y="1227"/>
                  </a:lnTo>
                  <a:lnTo>
                    <a:pt x="1747" y="1216"/>
                  </a:lnTo>
                  <a:lnTo>
                    <a:pt x="1744" y="1201"/>
                  </a:lnTo>
                  <a:lnTo>
                    <a:pt x="1740" y="1189"/>
                  </a:lnTo>
                  <a:lnTo>
                    <a:pt x="1732" y="1178"/>
                  </a:lnTo>
                  <a:lnTo>
                    <a:pt x="1725" y="1166"/>
                  </a:lnTo>
                  <a:lnTo>
                    <a:pt x="1717" y="1151"/>
                  </a:lnTo>
                  <a:lnTo>
                    <a:pt x="1713" y="1140"/>
                  </a:lnTo>
                  <a:lnTo>
                    <a:pt x="1706" y="1125"/>
                  </a:lnTo>
                  <a:lnTo>
                    <a:pt x="1698" y="1113"/>
                  </a:lnTo>
                  <a:lnTo>
                    <a:pt x="1690" y="1102"/>
                  </a:lnTo>
                  <a:lnTo>
                    <a:pt x="1679" y="1090"/>
                  </a:lnTo>
                  <a:lnTo>
                    <a:pt x="1671" y="1075"/>
                  </a:lnTo>
                  <a:lnTo>
                    <a:pt x="1660" y="1064"/>
                  </a:lnTo>
                  <a:lnTo>
                    <a:pt x="1649" y="1052"/>
                  </a:lnTo>
                  <a:lnTo>
                    <a:pt x="1637" y="1041"/>
                  </a:lnTo>
                  <a:lnTo>
                    <a:pt x="1626" y="1026"/>
                  </a:lnTo>
                  <a:lnTo>
                    <a:pt x="1614" y="1014"/>
                  </a:lnTo>
                  <a:lnTo>
                    <a:pt x="1603" y="1003"/>
                  </a:lnTo>
                  <a:lnTo>
                    <a:pt x="1592" y="992"/>
                  </a:lnTo>
                  <a:lnTo>
                    <a:pt x="1584" y="984"/>
                  </a:lnTo>
                  <a:lnTo>
                    <a:pt x="1580" y="980"/>
                  </a:lnTo>
                  <a:lnTo>
                    <a:pt x="1573" y="973"/>
                  </a:lnTo>
                  <a:lnTo>
                    <a:pt x="1565" y="969"/>
                  </a:lnTo>
                  <a:lnTo>
                    <a:pt x="1557" y="965"/>
                  </a:lnTo>
                  <a:lnTo>
                    <a:pt x="1554" y="957"/>
                  </a:lnTo>
                  <a:lnTo>
                    <a:pt x="1546" y="954"/>
                  </a:lnTo>
                  <a:lnTo>
                    <a:pt x="1538" y="950"/>
                  </a:lnTo>
                  <a:lnTo>
                    <a:pt x="1531" y="942"/>
                  </a:lnTo>
                  <a:lnTo>
                    <a:pt x="1523" y="938"/>
                  </a:lnTo>
                  <a:lnTo>
                    <a:pt x="1520" y="935"/>
                  </a:lnTo>
                  <a:lnTo>
                    <a:pt x="1512" y="931"/>
                  </a:lnTo>
                  <a:lnTo>
                    <a:pt x="1504" y="923"/>
                  </a:lnTo>
                  <a:lnTo>
                    <a:pt x="1497" y="919"/>
                  </a:lnTo>
                  <a:lnTo>
                    <a:pt x="1489" y="916"/>
                  </a:lnTo>
                  <a:lnTo>
                    <a:pt x="1485" y="916"/>
                  </a:lnTo>
                  <a:lnTo>
                    <a:pt x="1474" y="908"/>
                  </a:lnTo>
                  <a:lnTo>
                    <a:pt x="1466" y="904"/>
                  </a:lnTo>
                  <a:lnTo>
                    <a:pt x="1459" y="900"/>
                  </a:lnTo>
                  <a:lnTo>
                    <a:pt x="1451" y="897"/>
                  </a:lnTo>
                  <a:lnTo>
                    <a:pt x="1444" y="893"/>
                  </a:lnTo>
                  <a:lnTo>
                    <a:pt x="1436" y="893"/>
                  </a:lnTo>
                  <a:lnTo>
                    <a:pt x="1428" y="889"/>
                  </a:lnTo>
                  <a:lnTo>
                    <a:pt x="1421" y="885"/>
                  </a:lnTo>
                  <a:lnTo>
                    <a:pt x="1413" y="885"/>
                  </a:lnTo>
                  <a:lnTo>
                    <a:pt x="1406" y="881"/>
                  </a:lnTo>
                  <a:lnTo>
                    <a:pt x="1398" y="878"/>
                  </a:lnTo>
                  <a:lnTo>
                    <a:pt x="1390" y="878"/>
                  </a:lnTo>
                  <a:lnTo>
                    <a:pt x="1383" y="874"/>
                  </a:lnTo>
                  <a:lnTo>
                    <a:pt x="1375" y="874"/>
                  </a:lnTo>
                  <a:lnTo>
                    <a:pt x="1368" y="874"/>
                  </a:lnTo>
                  <a:lnTo>
                    <a:pt x="1360" y="874"/>
                  </a:lnTo>
                  <a:lnTo>
                    <a:pt x="1352" y="870"/>
                  </a:lnTo>
                  <a:lnTo>
                    <a:pt x="1345" y="870"/>
                  </a:lnTo>
                  <a:lnTo>
                    <a:pt x="1337" y="870"/>
                  </a:lnTo>
                  <a:lnTo>
                    <a:pt x="1330" y="870"/>
                  </a:lnTo>
                  <a:lnTo>
                    <a:pt x="1322" y="870"/>
                  </a:lnTo>
                  <a:lnTo>
                    <a:pt x="1314" y="870"/>
                  </a:lnTo>
                  <a:lnTo>
                    <a:pt x="1307" y="870"/>
                  </a:lnTo>
                  <a:lnTo>
                    <a:pt x="1299" y="870"/>
                  </a:lnTo>
                  <a:lnTo>
                    <a:pt x="1292" y="870"/>
                  </a:lnTo>
                  <a:lnTo>
                    <a:pt x="1284" y="870"/>
                  </a:lnTo>
                  <a:lnTo>
                    <a:pt x="1276" y="874"/>
                  </a:lnTo>
                  <a:lnTo>
                    <a:pt x="1269" y="874"/>
                  </a:lnTo>
                  <a:lnTo>
                    <a:pt x="1261" y="878"/>
                  </a:lnTo>
                  <a:lnTo>
                    <a:pt x="1254" y="878"/>
                  </a:lnTo>
                  <a:lnTo>
                    <a:pt x="1246" y="881"/>
                  </a:lnTo>
                  <a:lnTo>
                    <a:pt x="1238" y="885"/>
                  </a:lnTo>
                  <a:lnTo>
                    <a:pt x="1238" y="874"/>
                  </a:lnTo>
                  <a:lnTo>
                    <a:pt x="1235" y="862"/>
                  </a:lnTo>
                  <a:lnTo>
                    <a:pt x="1235" y="855"/>
                  </a:lnTo>
                  <a:lnTo>
                    <a:pt x="1235" y="843"/>
                  </a:lnTo>
                  <a:lnTo>
                    <a:pt x="1231" y="832"/>
                  </a:lnTo>
                  <a:lnTo>
                    <a:pt x="1231" y="821"/>
                  </a:lnTo>
                  <a:lnTo>
                    <a:pt x="1231" y="809"/>
                  </a:lnTo>
                  <a:lnTo>
                    <a:pt x="1227" y="802"/>
                  </a:lnTo>
                  <a:lnTo>
                    <a:pt x="1227" y="790"/>
                  </a:lnTo>
                  <a:lnTo>
                    <a:pt x="1223" y="779"/>
                  </a:lnTo>
                  <a:lnTo>
                    <a:pt x="1219" y="767"/>
                  </a:lnTo>
                  <a:lnTo>
                    <a:pt x="1219" y="760"/>
                  </a:lnTo>
                  <a:lnTo>
                    <a:pt x="1216" y="748"/>
                  </a:lnTo>
                  <a:lnTo>
                    <a:pt x="1212" y="737"/>
                  </a:lnTo>
                  <a:lnTo>
                    <a:pt x="1208" y="729"/>
                  </a:lnTo>
                  <a:lnTo>
                    <a:pt x="1204" y="722"/>
                  </a:lnTo>
                  <a:lnTo>
                    <a:pt x="1200" y="710"/>
                  </a:lnTo>
                  <a:lnTo>
                    <a:pt x="1197" y="699"/>
                  </a:lnTo>
                  <a:lnTo>
                    <a:pt x="1189" y="691"/>
                  </a:lnTo>
                  <a:lnTo>
                    <a:pt x="1185" y="680"/>
                  </a:lnTo>
                  <a:lnTo>
                    <a:pt x="1181" y="672"/>
                  </a:lnTo>
                  <a:lnTo>
                    <a:pt x="1178" y="665"/>
                  </a:lnTo>
                  <a:lnTo>
                    <a:pt x="1170" y="653"/>
                  </a:lnTo>
                  <a:lnTo>
                    <a:pt x="1166" y="650"/>
                  </a:lnTo>
                  <a:lnTo>
                    <a:pt x="1159" y="638"/>
                  </a:lnTo>
                  <a:lnTo>
                    <a:pt x="1155" y="631"/>
                  </a:lnTo>
                  <a:lnTo>
                    <a:pt x="1147" y="623"/>
                  </a:lnTo>
                  <a:lnTo>
                    <a:pt x="1143" y="615"/>
                  </a:lnTo>
                  <a:lnTo>
                    <a:pt x="1136" y="608"/>
                  </a:lnTo>
                  <a:lnTo>
                    <a:pt x="1128" y="604"/>
                  </a:lnTo>
                  <a:lnTo>
                    <a:pt x="1121" y="596"/>
                  </a:lnTo>
                  <a:lnTo>
                    <a:pt x="1113" y="593"/>
                  </a:lnTo>
                  <a:lnTo>
                    <a:pt x="1105" y="585"/>
                  </a:lnTo>
                  <a:lnTo>
                    <a:pt x="1102" y="581"/>
                  </a:lnTo>
                  <a:lnTo>
                    <a:pt x="1094" y="577"/>
                  </a:lnTo>
                  <a:lnTo>
                    <a:pt x="1086" y="574"/>
                  </a:lnTo>
                  <a:lnTo>
                    <a:pt x="1079" y="570"/>
                  </a:lnTo>
                  <a:lnTo>
                    <a:pt x="1071" y="566"/>
                  </a:lnTo>
                  <a:lnTo>
                    <a:pt x="1064" y="562"/>
                  </a:lnTo>
                  <a:lnTo>
                    <a:pt x="1056" y="558"/>
                  </a:lnTo>
                  <a:lnTo>
                    <a:pt x="1052" y="555"/>
                  </a:lnTo>
                  <a:lnTo>
                    <a:pt x="1045" y="551"/>
                  </a:lnTo>
                  <a:lnTo>
                    <a:pt x="1037" y="551"/>
                  </a:lnTo>
                  <a:lnTo>
                    <a:pt x="1029" y="547"/>
                  </a:lnTo>
                  <a:lnTo>
                    <a:pt x="1022" y="543"/>
                  </a:lnTo>
                  <a:lnTo>
                    <a:pt x="1014" y="543"/>
                  </a:lnTo>
                  <a:lnTo>
                    <a:pt x="1007" y="543"/>
                  </a:lnTo>
                  <a:lnTo>
                    <a:pt x="1003" y="543"/>
                  </a:lnTo>
                  <a:lnTo>
                    <a:pt x="991" y="539"/>
                  </a:lnTo>
                  <a:lnTo>
                    <a:pt x="984" y="539"/>
                  </a:lnTo>
                  <a:lnTo>
                    <a:pt x="976" y="536"/>
                  </a:lnTo>
                  <a:lnTo>
                    <a:pt x="972" y="536"/>
                  </a:lnTo>
                  <a:lnTo>
                    <a:pt x="961" y="532"/>
                  </a:lnTo>
                  <a:lnTo>
                    <a:pt x="953" y="532"/>
                  </a:lnTo>
                  <a:lnTo>
                    <a:pt x="950" y="532"/>
                  </a:lnTo>
                  <a:lnTo>
                    <a:pt x="942" y="532"/>
                  </a:lnTo>
                  <a:lnTo>
                    <a:pt x="931" y="528"/>
                  </a:lnTo>
                  <a:lnTo>
                    <a:pt x="923" y="528"/>
                  </a:lnTo>
                  <a:lnTo>
                    <a:pt x="915" y="528"/>
                  </a:lnTo>
                  <a:lnTo>
                    <a:pt x="908" y="528"/>
                  </a:lnTo>
                  <a:lnTo>
                    <a:pt x="900" y="528"/>
                  </a:lnTo>
                  <a:lnTo>
                    <a:pt x="893" y="528"/>
                  </a:lnTo>
                  <a:lnTo>
                    <a:pt x="885" y="528"/>
                  </a:lnTo>
                  <a:lnTo>
                    <a:pt x="877" y="528"/>
                  </a:lnTo>
                  <a:lnTo>
                    <a:pt x="870" y="528"/>
                  </a:lnTo>
                  <a:lnTo>
                    <a:pt x="862" y="524"/>
                  </a:lnTo>
                  <a:lnTo>
                    <a:pt x="855" y="524"/>
                  </a:lnTo>
                  <a:lnTo>
                    <a:pt x="847" y="524"/>
                  </a:lnTo>
                  <a:lnTo>
                    <a:pt x="839" y="524"/>
                  </a:lnTo>
                  <a:lnTo>
                    <a:pt x="832" y="524"/>
                  </a:lnTo>
                  <a:lnTo>
                    <a:pt x="824" y="524"/>
                  </a:lnTo>
                  <a:lnTo>
                    <a:pt x="821" y="524"/>
                  </a:lnTo>
                  <a:lnTo>
                    <a:pt x="813" y="520"/>
                  </a:lnTo>
                  <a:lnTo>
                    <a:pt x="805" y="520"/>
                  </a:lnTo>
                  <a:lnTo>
                    <a:pt x="798" y="520"/>
                  </a:lnTo>
                  <a:lnTo>
                    <a:pt x="794" y="520"/>
                  </a:lnTo>
                  <a:lnTo>
                    <a:pt x="786" y="520"/>
                  </a:lnTo>
                  <a:lnTo>
                    <a:pt x="779" y="520"/>
                  </a:lnTo>
                  <a:lnTo>
                    <a:pt x="771" y="520"/>
                  </a:lnTo>
                  <a:lnTo>
                    <a:pt x="764" y="520"/>
                  </a:lnTo>
                  <a:lnTo>
                    <a:pt x="756" y="520"/>
                  </a:lnTo>
                  <a:lnTo>
                    <a:pt x="748" y="520"/>
                  </a:lnTo>
                  <a:lnTo>
                    <a:pt x="745" y="517"/>
                  </a:lnTo>
                  <a:lnTo>
                    <a:pt x="737" y="517"/>
                  </a:lnTo>
                  <a:lnTo>
                    <a:pt x="729" y="517"/>
                  </a:lnTo>
                  <a:lnTo>
                    <a:pt x="722" y="517"/>
                  </a:lnTo>
                  <a:lnTo>
                    <a:pt x="714" y="517"/>
                  </a:lnTo>
                  <a:lnTo>
                    <a:pt x="710" y="517"/>
                  </a:lnTo>
                  <a:lnTo>
                    <a:pt x="703" y="517"/>
                  </a:lnTo>
                  <a:lnTo>
                    <a:pt x="695" y="517"/>
                  </a:lnTo>
                  <a:lnTo>
                    <a:pt x="688" y="517"/>
                  </a:lnTo>
                  <a:lnTo>
                    <a:pt x="680" y="517"/>
                  </a:lnTo>
                  <a:lnTo>
                    <a:pt x="672" y="517"/>
                  </a:lnTo>
                  <a:lnTo>
                    <a:pt x="669" y="517"/>
                  </a:lnTo>
                  <a:lnTo>
                    <a:pt x="661" y="517"/>
                  </a:lnTo>
                  <a:lnTo>
                    <a:pt x="653" y="517"/>
                  </a:lnTo>
                  <a:lnTo>
                    <a:pt x="646" y="517"/>
                  </a:lnTo>
                  <a:lnTo>
                    <a:pt x="638" y="517"/>
                  </a:lnTo>
                  <a:lnTo>
                    <a:pt x="631" y="517"/>
                  </a:lnTo>
                  <a:lnTo>
                    <a:pt x="623" y="517"/>
                  </a:lnTo>
                  <a:lnTo>
                    <a:pt x="615" y="517"/>
                  </a:lnTo>
                  <a:lnTo>
                    <a:pt x="612" y="517"/>
                  </a:lnTo>
                  <a:lnTo>
                    <a:pt x="604" y="517"/>
                  </a:lnTo>
                  <a:lnTo>
                    <a:pt x="596" y="517"/>
                  </a:lnTo>
                  <a:lnTo>
                    <a:pt x="589" y="517"/>
                  </a:lnTo>
                  <a:lnTo>
                    <a:pt x="581" y="517"/>
                  </a:lnTo>
                  <a:lnTo>
                    <a:pt x="574" y="517"/>
                  </a:lnTo>
                  <a:lnTo>
                    <a:pt x="570" y="517"/>
                  </a:lnTo>
                  <a:lnTo>
                    <a:pt x="562" y="517"/>
                  </a:lnTo>
                  <a:lnTo>
                    <a:pt x="555" y="517"/>
                  </a:lnTo>
                  <a:lnTo>
                    <a:pt x="547" y="517"/>
                  </a:lnTo>
                  <a:lnTo>
                    <a:pt x="543" y="517"/>
                  </a:lnTo>
                  <a:lnTo>
                    <a:pt x="536" y="517"/>
                  </a:lnTo>
                  <a:lnTo>
                    <a:pt x="528" y="517"/>
                  </a:lnTo>
                  <a:lnTo>
                    <a:pt x="520" y="517"/>
                  </a:lnTo>
                  <a:lnTo>
                    <a:pt x="513" y="517"/>
                  </a:lnTo>
                  <a:lnTo>
                    <a:pt x="505" y="517"/>
                  </a:lnTo>
                  <a:lnTo>
                    <a:pt x="501" y="517"/>
                  </a:lnTo>
                  <a:lnTo>
                    <a:pt x="494" y="517"/>
                  </a:lnTo>
                  <a:lnTo>
                    <a:pt x="486" y="520"/>
                  </a:lnTo>
                  <a:lnTo>
                    <a:pt x="479" y="520"/>
                  </a:lnTo>
                  <a:lnTo>
                    <a:pt x="471" y="520"/>
                  </a:lnTo>
                  <a:lnTo>
                    <a:pt x="463" y="520"/>
                  </a:lnTo>
                  <a:lnTo>
                    <a:pt x="460" y="520"/>
                  </a:lnTo>
                  <a:lnTo>
                    <a:pt x="452" y="520"/>
                  </a:lnTo>
                  <a:lnTo>
                    <a:pt x="444" y="520"/>
                  </a:lnTo>
                  <a:lnTo>
                    <a:pt x="437" y="520"/>
                  </a:lnTo>
                  <a:lnTo>
                    <a:pt x="433" y="524"/>
                  </a:lnTo>
                  <a:lnTo>
                    <a:pt x="437" y="517"/>
                  </a:lnTo>
                  <a:lnTo>
                    <a:pt x="441" y="509"/>
                  </a:lnTo>
                  <a:lnTo>
                    <a:pt x="444" y="501"/>
                  </a:lnTo>
                  <a:lnTo>
                    <a:pt x="448" y="494"/>
                  </a:lnTo>
                  <a:lnTo>
                    <a:pt x="452" y="486"/>
                  </a:lnTo>
                  <a:lnTo>
                    <a:pt x="460" y="479"/>
                  </a:lnTo>
                  <a:lnTo>
                    <a:pt x="463" y="471"/>
                  </a:lnTo>
                  <a:lnTo>
                    <a:pt x="467" y="463"/>
                  </a:lnTo>
                  <a:lnTo>
                    <a:pt x="471" y="456"/>
                  </a:lnTo>
                  <a:lnTo>
                    <a:pt x="479" y="444"/>
                  </a:lnTo>
                  <a:lnTo>
                    <a:pt x="482" y="437"/>
                  </a:lnTo>
                  <a:lnTo>
                    <a:pt x="490" y="429"/>
                  </a:lnTo>
                  <a:lnTo>
                    <a:pt x="494" y="418"/>
                  </a:lnTo>
                  <a:lnTo>
                    <a:pt x="501" y="410"/>
                  </a:lnTo>
                  <a:lnTo>
                    <a:pt x="505" y="399"/>
                  </a:lnTo>
                  <a:lnTo>
                    <a:pt x="513" y="391"/>
                  </a:lnTo>
                  <a:lnTo>
                    <a:pt x="513" y="380"/>
                  </a:lnTo>
                  <a:lnTo>
                    <a:pt x="520" y="372"/>
                  </a:lnTo>
                  <a:lnTo>
                    <a:pt x="524" y="361"/>
                  </a:lnTo>
                  <a:lnTo>
                    <a:pt x="532" y="350"/>
                  </a:lnTo>
                  <a:lnTo>
                    <a:pt x="536" y="338"/>
                  </a:lnTo>
                  <a:lnTo>
                    <a:pt x="539" y="331"/>
                  </a:lnTo>
                  <a:lnTo>
                    <a:pt x="543" y="319"/>
                  </a:lnTo>
                  <a:lnTo>
                    <a:pt x="551" y="312"/>
                  </a:lnTo>
                  <a:lnTo>
                    <a:pt x="555" y="300"/>
                  </a:lnTo>
                  <a:lnTo>
                    <a:pt x="558" y="289"/>
                  </a:lnTo>
                  <a:lnTo>
                    <a:pt x="562" y="281"/>
                  </a:lnTo>
                  <a:lnTo>
                    <a:pt x="566" y="270"/>
                  </a:lnTo>
                  <a:lnTo>
                    <a:pt x="566" y="258"/>
                  </a:lnTo>
                  <a:lnTo>
                    <a:pt x="570" y="251"/>
                  </a:lnTo>
                  <a:lnTo>
                    <a:pt x="574" y="239"/>
                  </a:lnTo>
                  <a:lnTo>
                    <a:pt x="577" y="228"/>
                  </a:lnTo>
                  <a:lnTo>
                    <a:pt x="581" y="220"/>
                  </a:lnTo>
                  <a:lnTo>
                    <a:pt x="581" y="209"/>
                  </a:lnTo>
                  <a:lnTo>
                    <a:pt x="585" y="198"/>
                  </a:lnTo>
                  <a:lnTo>
                    <a:pt x="585" y="190"/>
                  </a:lnTo>
                  <a:lnTo>
                    <a:pt x="585" y="179"/>
                  </a:lnTo>
                  <a:lnTo>
                    <a:pt x="589" y="171"/>
                  </a:lnTo>
                  <a:lnTo>
                    <a:pt x="589" y="160"/>
                  </a:lnTo>
                  <a:lnTo>
                    <a:pt x="589" y="152"/>
                  </a:lnTo>
                  <a:lnTo>
                    <a:pt x="589" y="141"/>
                  </a:lnTo>
                  <a:lnTo>
                    <a:pt x="589" y="133"/>
                  </a:lnTo>
                  <a:lnTo>
                    <a:pt x="585" y="122"/>
                  </a:lnTo>
                  <a:lnTo>
                    <a:pt x="585" y="114"/>
                  </a:lnTo>
                  <a:lnTo>
                    <a:pt x="581" y="106"/>
                  </a:lnTo>
                  <a:lnTo>
                    <a:pt x="581" y="99"/>
                  </a:lnTo>
                  <a:lnTo>
                    <a:pt x="577" y="91"/>
                  </a:lnTo>
                  <a:lnTo>
                    <a:pt x="574" y="84"/>
                  </a:lnTo>
                  <a:lnTo>
                    <a:pt x="570" y="76"/>
                  </a:lnTo>
                  <a:lnTo>
                    <a:pt x="566" y="68"/>
                  </a:lnTo>
                  <a:lnTo>
                    <a:pt x="558" y="61"/>
                  </a:lnTo>
                  <a:lnTo>
                    <a:pt x="555" y="53"/>
                  </a:lnTo>
                  <a:lnTo>
                    <a:pt x="547" y="46"/>
                  </a:lnTo>
                  <a:lnTo>
                    <a:pt x="539" y="42"/>
                  </a:lnTo>
                  <a:lnTo>
                    <a:pt x="532" y="38"/>
                  </a:lnTo>
                  <a:lnTo>
                    <a:pt x="524" y="34"/>
                  </a:lnTo>
                  <a:lnTo>
                    <a:pt x="517" y="27"/>
                  </a:lnTo>
                  <a:lnTo>
                    <a:pt x="505" y="23"/>
                  </a:lnTo>
                  <a:lnTo>
                    <a:pt x="494" y="19"/>
                  </a:lnTo>
                  <a:lnTo>
                    <a:pt x="486" y="15"/>
                  </a:lnTo>
                  <a:lnTo>
                    <a:pt x="475" y="11"/>
                  </a:lnTo>
                  <a:lnTo>
                    <a:pt x="463" y="11"/>
                  </a:lnTo>
                  <a:lnTo>
                    <a:pt x="448" y="8"/>
                  </a:lnTo>
                  <a:lnTo>
                    <a:pt x="437" y="8"/>
                  </a:lnTo>
                  <a:lnTo>
                    <a:pt x="425" y="4"/>
                  </a:lnTo>
                  <a:lnTo>
                    <a:pt x="410" y="4"/>
                  </a:lnTo>
                  <a:lnTo>
                    <a:pt x="399" y="0"/>
                  </a:lnTo>
                  <a:lnTo>
                    <a:pt x="387" y="0"/>
                  </a:lnTo>
                  <a:lnTo>
                    <a:pt x="380" y="0"/>
                  </a:lnTo>
                  <a:lnTo>
                    <a:pt x="376" y="0"/>
                  </a:lnTo>
                  <a:lnTo>
                    <a:pt x="368" y="0"/>
                  </a:lnTo>
                  <a:lnTo>
                    <a:pt x="361" y="0"/>
                  </a:lnTo>
                  <a:lnTo>
                    <a:pt x="353" y="0"/>
                  </a:lnTo>
                  <a:lnTo>
                    <a:pt x="349" y="0"/>
                  </a:lnTo>
                  <a:lnTo>
                    <a:pt x="342" y="0"/>
                  </a:lnTo>
                  <a:lnTo>
                    <a:pt x="334" y="0"/>
                  </a:lnTo>
                  <a:lnTo>
                    <a:pt x="327" y="0"/>
                  </a:lnTo>
                  <a:lnTo>
                    <a:pt x="319" y="0"/>
                  </a:lnTo>
                  <a:lnTo>
                    <a:pt x="311" y="0"/>
                  </a:lnTo>
                  <a:lnTo>
                    <a:pt x="308" y="0"/>
                  </a:lnTo>
                  <a:lnTo>
                    <a:pt x="300" y="0"/>
                  </a:lnTo>
                  <a:lnTo>
                    <a:pt x="292" y="0"/>
                  </a:lnTo>
                  <a:lnTo>
                    <a:pt x="285" y="0"/>
                  </a:lnTo>
                  <a:lnTo>
                    <a:pt x="277" y="0"/>
                  </a:lnTo>
                  <a:lnTo>
                    <a:pt x="270" y="0"/>
                  </a:lnTo>
                  <a:lnTo>
                    <a:pt x="262" y="0"/>
                  </a:lnTo>
                  <a:lnTo>
                    <a:pt x="254" y="0"/>
                  </a:lnTo>
                  <a:lnTo>
                    <a:pt x="247" y="4"/>
                  </a:lnTo>
                  <a:lnTo>
                    <a:pt x="239" y="4"/>
                  </a:lnTo>
                  <a:lnTo>
                    <a:pt x="232" y="4"/>
                  </a:lnTo>
                  <a:lnTo>
                    <a:pt x="228" y="4"/>
                  </a:lnTo>
                  <a:lnTo>
                    <a:pt x="220" y="8"/>
                  </a:lnTo>
                  <a:lnTo>
                    <a:pt x="213" y="8"/>
                  </a:lnTo>
                  <a:lnTo>
                    <a:pt x="205" y="8"/>
                  </a:lnTo>
                  <a:lnTo>
                    <a:pt x="197" y="11"/>
                  </a:lnTo>
                  <a:lnTo>
                    <a:pt x="190" y="11"/>
                  </a:lnTo>
                  <a:lnTo>
                    <a:pt x="182" y="11"/>
                  </a:lnTo>
                  <a:lnTo>
                    <a:pt x="175" y="15"/>
                  </a:lnTo>
                  <a:lnTo>
                    <a:pt x="167" y="15"/>
                  </a:lnTo>
                  <a:lnTo>
                    <a:pt x="163" y="19"/>
                  </a:lnTo>
                  <a:lnTo>
                    <a:pt x="156" y="19"/>
                  </a:lnTo>
                  <a:lnTo>
                    <a:pt x="148" y="23"/>
                  </a:lnTo>
                  <a:lnTo>
                    <a:pt x="140" y="23"/>
                  </a:lnTo>
                  <a:lnTo>
                    <a:pt x="133" y="27"/>
                  </a:lnTo>
                  <a:lnTo>
                    <a:pt x="121" y="30"/>
                  </a:lnTo>
                  <a:lnTo>
                    <a:pt x="110" y="38"/>
                  </a:lnTo>
                  <a:lnTo>
                    <a:pt x="99" y="42"/>
                  </a:lnTo>
                  <a:lnTo>
                    <a:pt x="87" y="49"/>
                  </a:lnTo>
                  <a:lnTo>
                    <a:pt x="76" y="57"/>
                  </a:lnTo>
                  <a:lnTo>
                    <a:pt x="65" y="65"/>
                  </a:lnTo>
                  <a:lnTo>
                    <a:pt x="53" y="72"/>
                  </a:lnTo>
                  <a:lnTo>
                    <a:pt x="46" y="80"/>
                  </a:lnTo>
                  <a:lnTo>
                    <a:pt x="38" y="91"/>
                  </a:lnTo>
                  <a:lnTo>
                    <a:pt x="30" y="99"/>
                  </a:lnTo>
                  <a:lnTo>
                    <a:pt x="27" y="110"/>
                  </a:lnTo>
                  <a:lnTo>
                    <a:pt x="19" y="122"/>
                  </a:lnTo>
                  <a:lnTo>
                    <a:pt x="15" y="133"/>
                  </a:lnTo>
                  <a:lnTo>
                    <a:pt x="11" y="144"/>
                  </a:lnTo>
                  <a:lnTo>
                    <a:pt x="8" y="156"/>
                  </a:lnTo>
                  <a:lnTo>
                    <a:pt x="4" y="171"/>
                  </a:lnTo>
                  <a:lnTo>
                    <a:pt x="4" y="175"/>
                  </a:lnTo>
                  <a:lnTo>
                    <a:pt x="0" y="182"/>
                  </a:lnTo>
                  <a:lnTo>
                    <a:pt x="0" y="190"/>
                  </a:lnTo>
                  <a:lnTo>
                    <a:pt x="0" y="198"/>
                  </a:lnTo>
                  <a:lnTo>
                    <a:pt x="0" y="201"/>
                  </a:lnTo>
                  <a:lnTo>
                    <a:pt x="0" y="209"/>
                  </a:lnTo>
                  <a:lnTo>
                    <a:pt x="0" y="217"/>
                  </a:lnTo>
                  <a:lnTo>
                    <a:pt x="0" y="224"/>
                  </a:lnTo>
                  <a:lnTo>
                    <a:pt x="0" y="228"/>
                  </a:lnTo>
                  <a:lnTo>
                    <a:pt x="0" y="236"/>
                  </a:lnTo>
                  <a:lnTo>
                    <a:pt x="4" y="243"/>
                  </a:lnTo>
                  <a:lnTo>
                    <a:pt x="4" y="251"/>
                  </a:lnTo>
                  <a:lnTo>
                    <a:pt x="4" y="258"/>
                  </a:lnTo>
                  <a:lnTo>
                    <a:pt x="8" y="266"/>
                  </a:lnTo>
                  <a:lnTo>
                    <a:pt x="8" y="274"/>
                  </a:lnTo>
                  <a:lnTo>
                    <a:pt x="11" y="281"/>
                  </a:lnTo>
                  <a:lnTo>
                    <a:pt x="11" y="285"/>
                  </a:lnTo>
                  <a:lnTo>
                    <a:pt x="15" y="293"/>
                  </a:lnTo>
                  <a:lnTo>
                    <a:pt x="15" y="300"/>
                  </a:lnTo>
                  <a:lnTo>
                    <a:pt x="19" y="308"/>
                  </a:lnTo>
                  <a:lnTo>
                    <a:pt x="19" y="315"/>
                  </a:lnTo>
                  <a:lnTo>
                    <a:pt x="23" y="323"/>
                  </a:lnTo>
                  <a:lnTo>
                    <a:pt x="23" y="327"/>
                  </a:lnTo>
                  <a:lnTo>
                    <a:pt x="27" y="334"/>
                  </a:lnTo>
                  <a:lnTo>
                    <a:pt x="30" y="342"/>
                  </a:lnTo>
                  <a:lnTo>
                    <a:pt x="30" y="350"/>
                  </a:lnTo>
                  <a:lnTo>
                    <a:pt x="34" y="353"/>
                  </a:lnTo>
                  <a:lnTo>
                    <a:pt x="38" y="361"/>
                  </a:lnTo>
                  <a:lnTo>
                    <a:pt x="46" y="372"/>
                  </a:lnTo>
                  <a:lnTo>
                    <a:pt x="49" y="388"/>
                  </a:lnTo>
                  <a:lnTo>
                    <a:pt x="57" y="399"/>
                  </a:lnTo>
                  <a:lnTo>
                    <a:pt x="65" y="410"/>
                  </a:lnTo>
                  <a:lnTo>
                    <a:pt x="72" y="422"/>
                  </a:lnTo>
                  <a:lnTo>
                    <a:pt x="80" y="437"/>
                  </a:lnTo>
                  <a:lnTo>
                    <a:pt x="87" y="444"/>
                  </a:lnTo>
                  <a:lnTo>
                    <a:pt x="95" y="456"/>
                  </a:lnTo>
                  <a:lnTo>
                    <a:pt x="103" y="463"/>
                  </a:lnTo>
                  <a:lnTo>
                    <a:pt x="114" y="475"/>
                  </a:lnTo>
                  <a:lnTo>
                    <a:pt x="121" y="482"/>
                  </a:lnTo>
                  <a:lnTo>
                    <a:pt x="129" y="494"/>
                  </a:lnTo>
                  <a:lnTo>
                    <a:pt x="137" y="498"/>
                  </a:lnTo>
                  <a:lnTo>
                    <a:pt x="148" y="494"/>
                  </a:lnTo>
                  <a:lnTo>
                    <a:pt x="152" y="490"/>
                  </a:lnTo>
                  <a:lnTo>
                    <a:pt x="152" y="479"/>
                  </a:lnTo>
                  <a:lnTo>
                    <a:pt x="148" y="467"/>
                  </a:lnTo>
                  <a:lnTo>
                    <a:pt x="140" y="460"/>
                  </a:lnTo>
                  <a:lnTo>
                    <a:pt x="137" y="448"/>
                  </a:lnTo>
                  <a:lnTo>
                    <a:pt x="133" y="441"/>
                  </a:lnTo>
                  <a:lnTo>
                    <a:pt x="125" y="429"/>
                  </a:lnTo>
                  <a:lnTo>
                    <a:pt x="121" y="418"/>
                  </a:lnTo>
                  <a:lnTo>
                    <a:pt x="114" y="406"/>
                  </a:lnTo>
                  <a:lnTo>
                    <a:pt x="106" y="395"/>
                  </a:lnTo>
                  <a:lnTo>
                    <a:pt x="103" y="384"/>
                  </a:lnTo>
                  <a:lnTo>
                    <a:pt x="95" y="372"/>
                  </a:lnTo>
                  <a:lnTo>
                    <a:pt x="87" y="361"/>
                  </a:lnTo>
                  <a:lnTo>
                    <a:pt x="80" y="353"/>
                  </a:lnTo>
                  <a:lnTo>
                    <a:pt x="76" y="338"/>
                  </a:lnTo>
                  <a:lnTo>
                    <a:pt x="68" y="331"/>
                  </a:lnTo>
                  <a:lnTo>
                    <a:pt x="61" y="319"/>
                  </a:lnTo>
                  <a:lnTo>
                    <a:pt x="57" y="308"/>
                  </a:lnTo>
                  <a:lnTo>
                    <a:pt x="53" y="296"/>
                  </a:lnTo>
                  <a:lnTo>
                    <a:pt x="49" y="281"/>
                  </a:lnTo>
                  <a:lnTo>
                    <a:pt x="42" y="270"/>
                  </a:lnTo>
                  <a:lnTo>
                    <a:pt x="42" y="258"/>
                  </a:lnTo>
                  <a:lnTo>
                    <a:pt x="38" y="247"/>
                  </a:lnTo>
                  <a:lnTo>
                    <a:pt x="34" y="236"/>
                  </a:lnTo>
                  <a:lnTo>
                    <a:pt x="34" y="228"/>
                  </a:lnTo>
                  <a:lnTo>
                    <a:pt x="34" y="217"/>
                  </a:lnTo>
                  <a:lnTo>
                    <a:pt x="34" y="201"/>
                  </a:lnTo>
                  <a:lnTo>
                    <a:pt x="34" y="194"/>
                  </a:lnTo>
                  <a:lnTo>
                    <a:pt x="34" y="179"/>
                  </a:lnTo>
                  <a:lnTo>
                    <a:pt x="42" y="171"/>
                  </a:lnTo>
                  <a:lnTo>
                    <a:pt x="46" y="160"/>
                  </a:lnTo>
                  <a:lnTo>
                    <a:pt x="49" y="148"/>
                  </a:lnTo>
                  <a:lnTo>
                    <a:pt x="57" y="137"/>
                  </a:lnTo>
                  <a:lnTo>
                    <a:pt x="65" y="125"/>
                  </a:lnTo>
                  <a:lnTo>
                    <a:pt x="72" y="118"/>
                  </a:lnTo>
                  <a:lnTo>
                    <a:pt x="80" y="110"/>
                  </a:lnTo>
                  <a:lnTo>
                    <a:pt x="87" y="106"/>
                  </a:lnTo>
                  <a:lnTo>
                    <a:pt x="99" y="99"/>
                  </a:lnTo>
                  <a:lnTo>
                    <a:pt x="106" y="95"/>
                  </a:lnTo>
                  <a:lnTo>
                    <a:pt x="118" y="87"/>
                  </a:lnTo>
                  <a:lnTo>
                    <a:pt x="129" y="84"/>
                  </a:lnTo>
                  <a:lnTo>
                    <a:pt x="140" y="80"/>
                  </a:lnTo>
                  <a:lnTo>
                    <a:pt x="152" y="76"/>
                  </a:lnTo>
                  <a:lnTo>
                    <a:pt x="167" y="72"/>
                  </a:lnTo>
                  <a:lnTo>
                    <a:pt x="171" y="72"/>
                  </a:lnTo>
                  <a:lnTo>
                    <a:pt x="178" y="72"/>
                  </a:lnTo>
                  <a:lnTo>
                    <a:pt x="186" y="68"/>
                  </a:lnTo>
                  <a:lnTo>
                    <a:pt x="194" y="68"/>
                  </a:lnTo>
                  <a:lnTo>
                    <a:pt x="197" y="65"/>
                  </a:lnTo>
                  <a:lnTo>
                    <a:pt x="205" y="65"/>
                  </a:lnTo>
                  <a:lnTo>
                    <a:pt x="213" y="65"/>
                  </a:lnTo>
                  <a:lnTo>
                    <a:pt x="220" y="65"/>
                  </a:lnTo>
                  <a:lnTo>
                    <a:pt x="228" y="61"/>
                  </a:lnTo>
                  <a:lnTo>
                    <a:pt x="232" y="61"/>
                  </a:lnTo>
                  <a:lnTo>
                    <a:pt x="239" y="61"/>
                  </a:lnTo>
                  <a:lnTo>
                    <a:pt x="247" y="61"/>
                  </a:lnTo>
                  <a:lnTo>
                    <a:pt x="254" y="61"/>
                  </a:lnTo>
                  <a:lnTo>
                    <a:pt x="262" y="57"/>
                  </a:lnTo>
                  <a:lnTo>
                    <a:pt x="270" y="57"/>
                  </a:lnTo>
                  <a:lnTo>
                    <a:pt x="277" y="57"/>
                  </a:lnTo>
                  <a:lnTo>
                    <a:pt x="281" y="57"/>
                  </a:lnTo>
                  <a:lnTo>
                    <a:pt x="289" y="57"/>
                  </a:lnTo>
                  <a:lnTo>
                    <a:pt x="296" y="57"/>
                  </a:lnTo>
                  <a:lnTo>
                    <a:pt x="304" y="57"/>
                  </a:lnTo>
                  <a:lnTo>
                    <a:pt x="308" y="57"/>
                  </a:lnTo>
                  <a:lnTo>
                    <a:pt x="315" y="57"/>
                  </a:lnTo>
                  <a:lnTo>
                    <a:pt x="323" y="57"/>
                  </a:lnTo>
                  <a:lnTo>
                    <a:pt x="330" y="57"/>
                  </a:lnTo>
                  <a:lnTo>
                    <a:pt x="334" y="57"/>
                  </a:lnTo>
                  <a:lnTo>
                    <a:pt x="342" y="57"/>
                  </a:lnTo>
                  <a:lnTo>
                    <a:pt x="349" y="57"/>
                  </a:lnTo>
                  <a:lnTo>
                    <a:pt x="357" y="57"/>
                  </a:lnTo>
                  <a:lnTo>
                    <a:pt x="368" y="57"/>
                  </a:lnTo>
                  <a:lnTo>
                    <a:pt x="384" y="61"/>
                  </a:lnTo>
                  <a:lnTo>
                    <a:pt x="395" y="61"/>
                  </a:lnTo>
                  <a:lnTo>
                    <a:pt x="406" y="61"/>
                  </a:lnTo>
                  <a:lnTo>
                    <a:pt x="414" y="65"/>
                  </a:lnTo>
                  <a:lnTo>
                    <a:pt x="425" y="65"/>
                  </a:lnTo>
                  <a:lnTo>
                    <a:pt x="437" y="68"/>
                  </a:lnTo>
                  <a:lnTo>
                    <a:pt x="448" y="72"/>
                  </a:lnTo>
                  <a:lnTo>
                    <a:pt x="456" y="72"/>
                  </a:lnTo>
                  <a:lnTo>
                    <a:pt x="463" y="72"/>
                  </a:lnTo>
                  <a:lnTo>
                    <a:pt x="467" y="76"/>
                  </a:lnTo>
                  <a:lnTo>
                    <a:pt x="475" y="80"/>
                  </a:lnTo>
                  <a:lnTo>
                    <a:pt x="482" y="84"/>
                  </a:lnTo>
                  <a:lnTo>
                    <a:pt x="486" y="87"/>
                  </a:lnTo>
                  <a:lnTo>
                    <a:pt x="494" y="91"/>
                  </a:lnTo>
                  <a:lnTo>
                    <a:pt x="498" y="95"/>
                  </a:lnTo>
                  <a:lnTo>
                    <a:pt x="505" y="106"/>
                  </a:lnTo>
                  <a:lnTo>
                    <a:pt x="513" y="118"/>
                  </a:lnTo>
                  <a:lnTo>
                    <a:pt x="513" y="125"/>
                  </a:lnTo>
                  <a:lnTo>
                    <a:pt x="517" y="129"/>
                  </a:lnTo>
                  <a:lnTo>
                    <a:pt x="517" y="137"/>
                  </a:lnTo>
                  <a:lnTo>
                    <a:pt x="520" y="144"/>
                  </a:lnTo>
                  <a:lnTo>
                    <a:pt x="520" y="148"/>
                  </a:lnTo>
                  <a:lnTo>
                    <a:pt x="520" y="156"/>
                  </a:lnTo>
                  <a:lnTo>
                    <a:pt x="520" y="163"/>
                  </a:lnTo>
                  <a:lnTo>
                    <a:pt x="520" y="175"/>
                  </a:lnTo>
                  <a:lnTo>
                    <a:pt x="517" y="179"/>
                  </a:lnTo>
                  <a:lnTo>
                    <a:pt x="517" y="190"/>
                  </a:lnTo>
                  <a:lnTo>
                    <a:pt x="517" y="198"/>
                  </a:lnTo>
                  <a:lnTo>
                    <a:pt x="513" y="205"/>
                  </a:lnTo>
                  <a:lnTo>
                    <a:pt x="513" y="213"/>
                  </a:lnTo>
                  <a:lnTo>
                    <a:pt x="509" y="224"/>
                  </a:lnTo>
                  <a:lnTo>
                    <a:pt x="509" y="232"/>
                  </a:lnTo>
                  <a:lnTo>
                    <a:pt x="505" y="239"/>
                  </a:lnTo>
                  <a:lnTo>
                    <a:pt x="501" y="251"/>
                  </a:lnTo>
                  <a:lnTo>
                    <a:pt x="498" y="258"/>
                  </a:lnTo>
                  <a:lnTo>
                    <a:pt x="494" y="266"/>
                  </a:lnTo>
                  <a:lnTo>
                    <a:pt x="494" y="277"/>
                  </a:lnTo>
                  <a:lnTo>
                    <a:pt x="486" y="285"/>
                  </a:lnTo>
                  <a:lnTo>
                    <a:pt x="482" y="296"/>
                  </a:lnTo>
                  <a:lnTo>
                    <a:pt x="479" y="304"/>
                  </a:lnTo>
                  <a:lnTo>
                    <a:pt x="475" y="312"/>
                  </a:lnTo>
                  <a:lnTo>
                    <a:pt x="471" y="323"/>
                  </a:lnTo>
                  <a:lnTo>
                    <a:pt x="467" y="331"/>
                  </a:lnTo>
                  <a:lnTo>
                    <a:pt x="463" y="338"/>
                  </a:lnTo>
                  <a:lnTo>
                    <a:pt x="460" y="350"/>
                  </a:lnTo>
                  <a:lnTo>
                    <a:pt x="452" y="357"/>
                  </a:lnTo>
                  <a:lnTo>
                    <a:pt x="448" y="365"/>
                  </a:lnTo>
                  <a:lnTo>
                    <a:pt x="441" y="376"/>
                  </a:lnTo>
                  <a:lnTo>
                    <a:pt x="437" y="384"/>
                  </a:lnTo>
                  <a:lnTo>
                    <a:pt x="433" y="391"/>
                  </a:lnTo>
                  <a:lnTo>
                    <a:pt x="429" y="403"/>
                  </a:lnTo>
                  <a:lnTo>
                    <a:pt x="422" y="410"/>
                  </a:lnTo>
                  <a:lnTo>
                    <a:pt x="418" y="422"/>
                  </a:lnTo>
                  <a:lnTo>
                    <a:pt x="414" y="429"/>
                  </a:lnTo>
                  <a:lnTo>
                    <a:pt x="410" y="437"/>
                  </a:lnTo>
                  <a:lnTo>
                    <a:pt x="403" y="444"/>
                  </a:lnTo>
                  <a:lnTo>
                    <a:pt x="399" y="452"/>
                  </a:lnTo>
                  <a:lnTo>
                    <a:pt x="395" y="460"/>
                  </a:lnTo>
                  <a:lnTo>
                    <a:pt x="391" y="467"/>
                  </a:lnTo>
                  <a:lnTo>
                    <a:pt x="387" y="475"/>
                  </a:lnTo>
                  <a:lnTo>
                    <a:pt x="384" y="482"/>
                  </a:lnTo>
                  <a:lnTo>
                    <a:pt x="376" y="494"/>
                  </a:lnTo>
                  <a:lnTo>
                    <a:pt x="368" y="505"/>
                  </a:lnTo>
                  <a:lnTo>
                    <a:pt x="361" y="517"/>
                  </a:lnTo>
                  <a:lnTo>
                    <a:pt x="357" y="528"/>
                  </a:lnTo>
                  <a:lnTo>
                    <a:pt x="346" y="528"/>
                  </a:lnTo>
                  <a:lnTo>
                    <a:pt x="338" y="528"/>
                  </a:lnTo>
                  <a:lnTo>
                    <a:pt x="334" y="532"/>
                  </a:lnTo>
                  <a:lnTo>
                    <a:pt x="334" y="536"/>
                  </a:lnTo>
                  <a:lnTo>
                    <a:pt x="338" y="539"/>
                  </a:lnTo>
                  <a:lnTo>
                    <a:pt x="349" y="543"/>
                  </a:lnTo>
                  <a:lnTo>
                    <a:pt x="353" y="543"/>
                  </a:lnTo>
                  <a:lnTo>
                    <a:pt x="361" y="543"/>
                  </a:lnTo>
                  <a:lnTo>
                    <a:pt x="368" y="547"/>
                  </a:lnTo>
                  <a:lnTo>
                    <a:pt x="380" y="551"/>
                  </a:lnTo>
                  <a:lnTo>
                    <a:pt x="387" y="551"/>
                  </a:lnTo>
                  <a:lnTo>
                    <a:pt x="395" y="551"/>
                  </a:lnTo>
                  <a:lnTo>
                    <a:pt x="403" y="551"/>
                  </a:lnTo>
                  <a:lnTo>
                    <a:pt x="410" y="551"/>
                  </a:lnTo>
                  <a:lnTo>
                    <a:pt x="418" y="551"/>
                  </a:lnTo>
                  <a:lnTo>
                    <a:pt x="425" y="551"/>
                  </a:lnTo>
                  <a:lnTo>
                    <a:pt x="433" y="555"/>
                  </a:lnTo>
                  <a:lnTo>
                    <a:pt x="441" y="555"/>
                  </a:lnTo>
                  <a:lnTo>
                    <a:pt x="448" y="555"/>
                  </a:lnTo>
                  <a:lnTo>
                    <a:pt x="456" y="555"/>
                  </a:lnTo>
                  <a:lnTo>
                    <a:pt x="463" y="555"/>
                  </a:lnTo>
                  <a:lnTo>
                    <a:pt x="471" y="558"/>
                  </a:lnTo>
                  <a:lnTo>
                    <a:pt x="479" y="558"/>
                  </a:lnTo>
                  <a:lnTo>
                    <a:pt x="486" y="558"/>
                  </a:lnTo>
                  <a:lnTo>
                    <a:pt x="494" y="558"/>
                  </a:lnTo>
                  <a:lnTo>
                    <a:pt x="505" y="562"/>
                  </a:lnTo>
                  <a:lnTo>
                    <a:pt x="513" y="562"/>
                  </a:lnTo>
                  <a:lnTo>
                    <a:pt x="517" y="562"/>
                  </a:lnTo>
                  <a:lnTo>
                    <a:pt x="524" y="562"/>
                  </a:lnTo>
                  <a:lnTo>
                    <a:pt x="536" y="562"/>
                  </a:lnTo>
                  <a:lnTo>
                    <a:pt x="539" y="562"/>
                  </a:lnTo>
                  <a:lnTo>
                    <a:pt x="551" y="562"/>
                  </a:lnTo>
                  <a:lnTo>
                    <a:pt x="558" y="566"/>
                  </a:lnTo>
                  <a:lnTo>
                    <a:pt x="566" y="566"/>
                  </a:lnTo>
                  <a:lnTo>
                    <a:pt x="574" y="566"/>
                  </a:lnTo>
                  <a:lnTo>
                    <a:pt x="581" y="566"/>
                  </a:lnTo>
                  <a:lnTo>
                    <a:pt x="589" y="566"/>
                  </a:lnTo>
                  <a:lnTo>
                    <a:pt x="596" y="570"/>
                  </a:lnTo>
                  <a:lnTo>
                    <a:pt x="604" y="570"/>
                  </a:lnTo>
                  <a:lnTo>
                    <a:pt x="612" y="570"/>
                  </a:lnTo>
                  <a:lnTo>
                    <a:pt x="619" y="570"/>
                  </a:lnTo>
                  <a:lnTo>
                    <a:pt x="631" y="570"/>
                  </a:lnTo>
                  <a:lnTo>
                    <a:pt x="638" y="570"/>
                  </a:lnTo>
                  <a:lnTo>
                    <a:pt x="642" y="570"/>
                  </a:lnTo>
                  <a:lnTo>
                    <a:pt x="650" y="574"/>
                  </a:lnTo>
                  <a:lnTo>
                    <a:pt x="661" y="574"/>
                  </a:lnTo>
                  <a:lnTo>
                    <a:pt x="669" y="574"/>
                  </a:lnTo>
                  <a:lnTo>
                    <a:pt x="676" y="574"/>
                  </a:lnTo>
                  <a:lnTo>
                    <a:pt x="684" y="574"/>
                  </a:lnTo>
                  <a:lnTo>
                    <a:pt x="691" y="577"/>
                  </a:lnTo>
                  <a:lnTo>
                    <a:pt x="699" y="577"/>
                  </a:lnTo>
                  <a:lnTo>
                    <a:pt x="707" y="577"/>
                  </a:lnTo>
                  <a:lnTo>
                    <a:pt x="714" y="577"/>
                  </a:lnTo>
                  <a:lnTo>
                    <a:pt x="722" y="577"/>
                  </a:lnTo>
                  <a:lnTo>
                    <a:pt x="729" y="577"/>
                  </a:lnTo>
                  <a:lnTo>
                    <a:pt x="737" y="577"/>
                  </a:lnTo>
                  <a:lnTo>
                    <a:pt x="745" y="581"/>
                  </a:lnTo>
                  <a:lnTo>
                    <a:pt x="752" y="581"/>
                  </a:lnTo>
                  <a:lnTo>
                    <a:pt x="760" y="581"/>
                  </a:lnTo>
                  <a:lnTo>
                    <a:pt x="767" y="581"/>
                  </a:lnTo>
                  <a:lnTo>
                    <a:pt x="775" y="581"/>
                  </a:lnTo>
                  <a:lnTo>
                    <a:pt x="783" y="585"/>
                  </a:lnTo>
                  <a:lnTo>
                    <a:pt x="790" y="585"/>
                  </a:lnTo>
                  <a:lnTo>
                    <a:pt x="798" y="585"/>
                  </a:lnTo>
                  <a:lnTo>
                    <a:pt x="805" y="585"/>
                  </a:lnTo>
                  <a:lnTo>
                    <a:pt x="817" y="585"/>
                  </a:lnTo>
                  <a:lnTo>
                    <a:pt x="821" y="585"/>
                  </a:lnTo>
                  <a:lnTo>
                    <a:pt x="828" y="589"/>
                  </a:lnTo>
                  <a:lnTo>
                    <a:pt x="836" y="589"/>
                  </a:lnTo>
                  <a:lnTo>
                    <a:pt x="847" y="589"/>
                  </a:lnTo>
                  <a:lnTo>
                    <a:pt x="851" y="589"/>
                  </a:lnTo>
                  <a:lnTo>
                    <a:pt x="862" y="589"/>
                  </a:lnTo>
                  <a:lnTo>
                    <a:pt x="870" y="593"/>
                  </a:lnTo>
                  <a:lnTo>
                    <a:pt x="877" y="593"/>
                  </a:lnTo>
                  <a:lnTo>
                    <a:pt x="889" y="593"/>
                  </a:lnTo>
                  <a:lnTo>
                    <a:pt x="900" y="593"/>
                  </a:lnTo>
                  <a:lnTo>
                    <a:pt x="912" y="593"/>
                  </a:lnTo>
                  <a:lnTo>
                    <a:pt x="927" y="596"/>
                  </a:lnTo>
                  <a:lnTo>
                    <a:pt x="934" y="596"/>
                  </a:lnTo>
                  <a:lnTo>
                    <a:pt x="946" y="600"/>
                  </a:lnTo>
                  <a:lnTo>
                    <a:pt x="957" y="600"/>
                  </a:lnTo>
                  <a:lnTo>
                    <a:pt x="969" y="604"/>
                  </a:lnTo>
                  <a:lnTo>
                    <a:pt x="976" y="608"/>
                  </a:lnTo>
                  <a:lnTo>
                    <a:pt x="984" y="608"/>
                  </a:lnTo>
                  <a:lnTo>
                    <a:pt x="995" y="612"/>
                  </a:lnTo>
                  <a:lnTo>
                    <a:pt x="1003" y="615"/>
                  </a:lnTo>
                  <a:lnTo>
                    <a:pt x="1010" y="619"/>
                  </a:lnTo>
                  <a:lnTo>
                    <a:pt x="1018" y="623"/>
                  </a:lnTo>
                  <a:lnTo>
                    <a:pt x="1026" y="627"/>
                  </a:lnTo>
                  <a:lnTo>
                    <a:pt x="1033" y="634"/>
                  </a:lnTo>
                  <a:lnTo>
                    <a:pt x="1048" y="642"/>
                  </a:lnTo>
                  <a:lnTo>
                    <a:pt x="1060" y="650"/>
                  </a:lnTo>
                  <a:lnTo>
                    <a:pt x="1071" y="661"/>
                  </a:lnTo>
                  <a:lnTo>
                    <a:pt x="1083" y="672"/>
                  </a:lnTo>
                  <a:lnTo>
                    <a:pt x="1090" y="684"/>
                  </a:lnTo>
                  <a:lnTo>
                    <a:pt x="1098" y="695"/>
                  </a:lnTo>
                  <a:lnTo>
                    <a:pt x="1102" y="703"/>
                  </a:lnTo>
                  <a:lnTo>
                    <a:pt x="1105" y="707"/>
                  </a:lnTo>
                  <a:lnTo>
                    <a:pt x="1109" y="714"/>
                  </a:lnTo>
                  <a:lnTo>
                    <a:pt x="1113" y="722"/>
                  </a:lnTo>
                  <a:lnTo>
                    <a:pt x="1117" y="729"/>
                  </a:lnTo>
                  <a:lnTo>
                    <a:pt x="1121" y="737"/>
                  </a:lnTo>
                  <a:lnTo>
                    <a:pt x="1121" y="745"/>
                  </a:lnTo>
                  <a:lnTo>
                    <a:pt x="1124" y="752"/>
                  </a:lnTo>
                  <a:lnTo>
                    <a:pt x="1128" y="756"/>
                  </a:lnTo>
                  <a:lnTo>
                    <a:pt x="1132" y="764"/>
                  </a:lnTo>
                  <a:lnTo>
                    <a:pt x="1132" y="771"/>
                  </a:lnTo>
                  <a:lnTo>
                    <a:pt x="1136" y="779"/>
                  </a:lnTo>
                  <a:lnTo>
                    <a:pt x="1136" y="786"/>
                  </a:lnTo>
                  <a:lnTo>
                    <a:pt x="1140" y="794"/>
                  </a:lnTo>
                  <a:lnTo>
                    <a:pt x="1143" y="805"/>
                  </a:lnTo>
                  <a:lnTo>
                    <a:pt x="1147" y="813"/>
                  </a:lnTo>
                  <a:lnTo>
                    <a:pt x="1147" y="821"/>
                  </a:lnTo>
                  <a:lnTo>
                    <a:pt x="1151" y="828"/>
                  </a:lnTo>
                  <a:lnTo>
                    <a:pt x="1151" y="836"/>
                  </a:lnTo>
                  <a:lnTo>
                    <a:pt x="1155" y="847"/>
                  </a:lnTo>
                  <a:lnTo>
                    <a:pt x="1155" y="855"/>
                  </a:lnTo>
                  <a:lnTo>
                    <a:pt x="1159" y="862"/>
                  </a:lnTo>
                  <a:lnTo>
                    <a:pt x="1162" y="870"/>
                  </a:lnTo>
                  <a:lnTo>
                    <a:pt x="1162" y="881"/>
                  </a:lnTo>
                  <a:lnTo>
                    <a:pt x="1166" y="889"/>
                  </a:lnTo>
                  <a:lnTo>
                    <a:pt x="1170" y="900"/>
                  </a:lnTo>
                  <a:lnTo>
                    <a:pt x="1170" y="908"/>
                  </a:lnTo>
                  <a:lnTo>
                    <a:pt x="1174" y="916"/>
                  </a:lnTo>
                  <a:lnTo>
                    <a:pt x="1178" y="927"/>
                  </a:lnTo>
                  <a:lnTo>
                    <a:pt x="1181" y="935"/>
                  </a:lnTo>
                  <a:lnTo>
                    <a:pt x="1181" y="942"/>
                  </a:lnTo>
                  <a:lnTo>
                    <a:pt x="1185" y="954"/>
                  </a:lnTo>
                  <a:lnTo>
                    <a:pt x="1189" y="961"/>
                  </a:lnTo>
                  <a:lnTo>
                    <a:pt x="1193" y="973"/>
                  </a:lnTo>
                  <a:lnTo>
                    <a:pt x="1197" y="980"/>
                  </a:lnTo>
                  <a:lnTo>
                    <a:pt x="1200" y="992"/>
                  </a:lnTo>
                  <a:lnTo>
                    <a:pt x="1208" y="999"/>
                  </a:lnTo>
                  <a:lnTo>
                    <a:pt x="1216" y="1003"/>
                  </a:lnTo>
                  <a:lnTo>
                    <a:pt x="1219" y="1003"/>
                  </a:lnTo>
                  <a:lnTo>
                    <a:pt x="1227" y="999"/>
                  </a:lnTo>
                  <a:lnTo>
                    <a:pt x="1227" y="995"/>
                  </a:lnTo>
                  <a:lnTo>
                    <a:pt x="1231" y="992"/>
                  </a:lnTo>
                  <a:lnTo>
                    <a:pt x="1231" y="984"/>
                  </a:lnTo>
                  <a:lnTo>
                    <a:pt x="1235" y="980"/>
                  </a:lnTo>
                  <a:lnTo>
                    <a:pt x="1235" y="973"/>
                  </a:lnTo>
                  <a:lnTo>
                    <a:pt x="1235" y="965"/>
                  </a:lnTo>
                  <a:lnTo>
                    <a:pt x="1254" y="965"/>
                  </a:lnTo>
                  <a:lnTo>
                    <a:pt x="1269" y="969"/>
                  </a:lnTo>
                  <a:lnTo>
                    <a:pt x="1288" y="973"/>
                  </a:lnTo>
                  <a:lnTo>
                    <a:pt x="1303" y="976"/>
                  </a:lnTo>
                  <a:lnTo>
                    <a:pt x="1318" y="980"/>
                  </a:lnTo>
                  <a:lnTo>
                    <a:pt x="1337" y="984"/>
                  </a:lnTo>
                  <a:lnTo>
                    <a:pt x="1352" y="988"/>
                  </a:lnTo>
                  <a:lnTo>
                    <a:pt x="1368" y="992"/>
                  </a:lnTo>
                  <a:lnTo>
                    <a:pt x="1379" y="995"/>
                  </a:lnTo>
                  <a:lnTo>
                    <a:pt x="1394" y="999"/>
                  </a:lnTo>
                  <a:lnTo>
                    <a:pt x="1409" y="1007"/>
                  </a:lnTo>
                  <a:lnTo>
                    <a:pt x="1421" y="1011"/>
                  </a:lnTo>
                  <a:lnTo>
                    <a:pt x="1436" y="1018"/>
                  </a:lnTo>
                  <a:lnTo>
                    <a:pt x="1447" y="1022"/>
                  </a:lnTo>
                  <a:lnTo>
                    <a:pt x="1459" y="1030"/>
                  </a:lnTo>
                  <a:lnTo>
                    <a:pt x="1474" y="1037"/>
                  </a:lnTo>
                  <a:lnTo>
                    <a:pt x="1485" y="1041"/>
                  </a:lnTo>
                  <a:lnTo>
                    <a:pt x="1493" y="1049"/>
                  </a:lnTo>
                  <a:lnTo>
                    <a:pt x="1504" y="1056"/>
                  </a:lnTo>
                  <a:lnTo>
                    <a:pt x="1516" y="1064"/>
                  </a:lnTo>
                  <a:lnTo>
                    <a:pt x="1523" y="1071"/>
                  </a:lnTo>
                  <a:lnTo>
                    <a:pt x="1535" y="1079"/>
                  </a:lnTo>
                  <a:lnTo>
                    <a:pt x="1542" y="1087"/>
                  </a:lnTo>
                  <a:lnTo>
                    <a:pt x="1554" y="1098"/>
                  </a:lnTo>
                  <a:lnTo>
                    <a:pt x="1561" y="1106"/>
                  </a:lnTo>
                  <a:lnTo>
                    <a:pt x="1569" y="1113"/>
                  </a:lnTo>
                  <a:lnTo>
                    <a:pt x="1576" y="1125"/>
                  </a:lnTo>
                  <a:lnTo>
                    <a:pt x="1588" y="1132"/>
                  </a:lnTo>
                  <a:lnTo>
                    <a:pt x="1592" y="1144"/>
                  </a:lnTo>
                  <a:lnTo>
                    <a:pt x="1599" y="1155"/>
                  </a:lnTo>
                  <a:lnTo>
                    <a:pt x="1607" y="1163"/>
                  </a:lnTo>
                  <a:lnTo>
                    <a:pt x="1614" y="1174"/>
                  </a:lnTo>
                  <a:lnTo>
                    <a:pt x="1618" y="1185"/>
                  </a:lnTo>
                  <a:lnTo>
                    <a:pt x="1622" y="1197"/>
                  </a:lnTo>
                  <a:lnTo>
                    <a:pt x="1626" y="1208"/>
                  </a:lnTo>
                  <a:lnTo>
                    <a:pt x="1633" y="1220"/>
                  </a:lnTo>
                  <a:lnTo>
                    <a:pt x="1637" y="1231"/>
                  </a:lnTo>
                  <a:lnTo>
                    <a:pt x="1641" y="1239"/>
                  </a:lnTo>
                  <a:lnTo>
                    <a:pt x="1645" y="1254"/>
                  </a:lnTo>
                  <a:lnTo>
                    <a:pt x="1649" y="1265"/>
                  </a:lnTo>
                  <a:lnTo>
                    <a:pt x="1652" y="1276"/>
                  </a:lnTo>
                  <a:lnTo>
                    <a:pt x="1656" y="1288"/>
                  </a:lnTo>
                  <a:lnTo>
                    <a:pt x="1656" y="1303"/>
                  </a:lnTo>
                  <a:lnTo>
                    <a:pt x="1660" y="1314"/>
                  </a:lnTo>
                  <a:lnTo>
                    <a:pt x="1664" y="1330"/>
                  </a:lnTo>
                  <a:lnTo>
                    <a:pt x="1664" y="1341"/>
                  </a:lnTo>
                  <a:lnTo>
                    <a:pt x="1668" y="1356"/>
                  </a:lnTo>
                  <a:lnTo>
                    <a:pt x="1671" y="1371"/>
                  </a:lnTo>
                  <a:lnTo>
                    <a:pt x="1671" y="1383"/>
                  </a:lnTo>
                  <a:lnTo>
                    <a:pt x="1671" y="1398"/>
                  </a:lnTo>
                  <a:lnTo>
                    <a:pt x="1671" y="1413"/>
                  </a:lnTo>
                  <a:lnTo>
                    <a:pt x="1671" y="1428"/>
                  </a:lnTo>
                  <a:lnTo>
                    <a:pt x="1671" y="1440"/>
                  </a:lnTo>
                  <a:lnTo>
                    <a:pt x="1671" y="1455"/>
                  </a:lnTo>
                  <a:lnTo>
                    <a:pt x="1671" y="1470"/>
                  </a:lnTo>
                  <a:lnTo>
                    <a:pt x="1671" y="1489"/>
                  </a:lnTo>
                  <a:lnTo>
                    <a:pt x="1671" y="1504"/>
                  </a:lnTo>
                  <a:lnTo>
                    <a:pt x="1671" y="1520"/>
                  </a:lnTo>
                  <a:lnTo>
                    <a:pt x="1668" y="1535"/>
                  </a:lnTo>
                  <a:lnTo>
                    <a:pt x="1668" y="1550"/>
                  </a:lnTo>
                  <a:lnTo>
                    <a:pt x="1668" y="1569"/>
                  </a:lnTo>
                  <a:lnTo>
                    <a:pt x="1664" y="1584"/>
                  </a:lnTo>
                  <a:lnTo>
                    <a:pt x="1664" y="1599"/>
                  </a:lnTo>
                  <a:lnTo>
                    <a:pt x="1660" y="1618"/>
                  </a:lnTo>
                  <a:lnTo>
                    <a:pt x="1660" y="1630"/>
                  </a:lnTo>
                  <a:lnTo>
                    <a:pt x="1656" y="1641"/>
                  </a:lnTo>
                  <a:lnTo>
                    <a:pt x="1656" y="1653"/>
                  </a:lnTo>
                  <a:lnTo>
                    <a:pt x="1652" y="1664"/>
                  </a:lnTo>
                  <a:lnTo>
                    <a:pt x="1652" y="1675"/>
                  </a:lnTo>
                  <a:lnTo>
                    <a:pt x="1652" y="1687"/>
                  </a:lnTo>
                  <a:lnTo>
                    <a:pt x="1649" y="1698"/>
                  </a:lnTo>
                  <a:lnTo>
                    <a:pt x="1649" y="1710"/>
                  </a:lnTo>
                  <a:lnTo>
                    <a:pt x="1649" y="1721"/>
                  </a:lnTo>
                  <a:lnTo>
                    <a:pt x="1649" y="1732"/>
                  </a:lnTo>
                  <a:lnTo>
                    <a:pt x="1645" y="1744"/>
                  </a:lnTo>
                  <a:lnTo>
                    <a:pt x="1645" y="1755"/>
                  </a:lnTo>
                  <a:lnTo>
                    <a:pt x="1645" y="1767"/>
                  </a:lnTo>
                  <a:lnTo>
                    <a:pt x="1645" y="1778"/>
                  </a:lnTo>
                  <a:lnTo>
                    <a:pt x="1645" y="1789"/>
                  </a:lnTo>
                  <a:lnTo>
                    <a:pt x="1645" y="1805"/>
                  </a:lnTo>
                  <a:lnTo>
                    <a:pt x="1641" y="1812"/>
                  </a:lnTo>
                  <a:lnTo>
                    <a:pt x="1641" y="1824"/>
                  </a:lnTo>
                  <a:lnTo>
                    <a:pt x="1641" y="1839"/>
                  </a:lnTo>
                  <a:lnTo>
                    <a:pt x="1641" y="1850"/>
                  </a:lnTo>
                  <a:lnTo>
                    <a:pt x="1641" y="1862"/>
                  </a:lnTo>
                  <a:lnTo>
                    <a:pt x="1641" y="1873"/>
                  </a:lnTo>
                  <a:lnTo>
                    <a:pt x="1641" y="1884"/>
                  </a:lnTo>
                  <a:lnTo>
                    <a:pt x="1641" y="1896"/>
                  </a:lnTo>
                  <a:lnTo>
                    <a:pt x="1641" y="1907"/>
                  </a:lnTo>
                  <a:lnTo>
                    <a:pt x="1641" y="1919"/>
                  </a:lnTo>
                  <a:lnTo>
                    <a:pt x="1641" y="1930"/>
                  </a:lnTo>
                  <a:lnTo>
                    <a:pt x="1641" y="1945"/>
                  </a:lnTo>
                  <a:lnTo>
                    <a:pt x="1641" y="1953"/>
                  </a:lnTo>
                  <a:lnTo>
                    <a:pt x="1641" y="1968"/>
                  </a:lnTo>
                  <a:lnTo>
                    <a:pt x="1641" y="1979"/>
                  </a:lnTo>
                  <a:lnTo>
                    <a:pt x="1641" y="1991"/>
                  </a:lnTo>
                  <a:lnTo>
                    <a:pt x="1641" y="2002"/>
                  </a:lnTo>
                  <a:lnTo>
                    <a:pt x="1641" y="2014"/>
                  </a:lnTo>
                  <a:lnTo>
                    <a:pt x="1641" y="2025"/>
                  </a:lnTo>
                  <a:lnTo>
                    <a:pt x="1641" y="2036"/>
                  </a:lnTo>
                  <a:lnTo>
                    <a:pt x="1641" y="2048"/>
                  </a:lnTo>
                  <a:lnTo>
                    <a:pt x="1641" y="2059"/>
                  </a:lnTo>
                  <a:lnTo>
                    <a:pt x="1641" y="2074"/>
                  </a:lnTo>
                  <a:lnTo>
                    <a:pt x="1641" y="2086"/>
                  </a:lnTo>
                  <a:lnTo>
                    <a:pt x="1641" y="2097"/>
                  </a:lnTo>
                  <a:lnTo>
                    <a:pt x="1641" y="2108"/>
                  </a:lnTo>
                  <a:lnTo>
                    <a:pt x="1641" y="2120"/>
                  </a:lnTo>
                  <a:lnTo>
                    <a:pt x="1645" y="2131"/>
                  </a:lnTo>
                  <a:lnTo>
                    <a:pt x="1645" y="2143"/>
                  </a:lnTo>
                  <a:lnTo>
                    <a:pt x="1645" y="2154"/>
                  </a:lnTo>
                  <a:lnTo>
                    <a:pt x="1645" y="2165"/>
                  </a:lnTo>
                  <a:lnTo>
                    <a:pt x="1649" y="2177"/>
                  </a:lnTo>
                  <a:lnTo>
                    <a:pt x="1649" y="2188"/>
                  </a:lnTo>
                  <a:lnTo>
                    <a:pt x="1649" y="2203"/>
                  </a:lnTo>
                  <a:lnTo>
                    <a:pt x="1649" y="2211"/>
                  </a:lnTo>
                  <a:lnTo>
                    <a:pt x="1649" y="2226"/>
                  </a:lnTo>
                  <a:lnTo>
                    <a:pt x="1649" y="2234"/>
                  </a:lnTo>
                  <a:lnTo>
                    <a:pt x="1649" y="2249"/>
                  </a:lnTo>
                  <a:lnTo>
                    <a:pt x="1649" y="2260"/>
                  </a:lnTo>
                  <a:lnTo>
                    <a:pt x="1649" y="2272"/>
                  </a:lnTo>
                  <a:lnTo>
                    <a:pt x="1649" y="2283"/>
                  </a:lnTo>
                  <a:lnTo>
                    <a:pt x="1649" y="2295"/>
                  </a:lnTo>
                  <a:lnTo>
                    <a:pt x="1649" y="2306"/>
                  </a:lnTo>
                  <a:lnTo>
                    <a:pt x="1652" y="2317"/>
                  </a:lnTo>
                  <a:lnTo>
                    <a:pt x="1652" y="2329"/>
                  </a:lnTo>
                  <a:lnTo>
                    <a:pt x="1652" y="2340"/>
                  </a:lnTo>
                  <a:lnTo>
                    <a:pt x="1652" y="2355"/>
                  </a:lnTo>
                  <a:lnTo>
                    <a:pt x="1652" y="2367"/>
                  </a:lnTo>
                  <a:lnTo>
                    <a:pt x="1652" y="2378"/>
                  </a:lnTo>
                  <a:lnTo>
                    <a:pt x="1652" y="2390"/>
                  </a:lnTo>
                  <a:lnTo>
                    <a:pt x="1656" y="2401"/>
                  </a:lnTo>
                  <a:lnTo>
                    <a:pt x="1656" y="2412"/>
                  </a:lnTo>
                  <a:lnTo>
                    <a:pt x="1656" y="2424"/>
                  </a:lnTo>
                  <a:lnTo>
                    <a:pt x="1656" y="2435"/>
                  </a:lnTo>
                  <a:lnTo>
                    <a:pt x="1660" y="2447"/>
                  </a:lnTo>
                  <a:lnTo>
                    <a:pt x="1660" y="2462"/>
                  </a:lnTo>
                  <a:lnTo>
                    <a:pt x="1664" y="2473"/>
                  </a:lnTo>
                  <a:lnTo>
                    <a:pt x="1664" y="2488"/>
                  </a:lnTo>
                  <a:lnTo>
                    <a:pt x="1668" y="2500"/>
                  </a:lnTo>
                  <a:lnTo>
                    <a:pt x="1668" y="2515"/>
                  </a:lnTo>
                  <a:lnTo>
                    <a:pt x="1671" y="2526"/>
                  </a:lnTo>
                  <a:lnTo>
                    <a:pt x="1671" y="2542"/>
                  </a:lnTo>
                  <a:lnTo>
                    <a:pt x="1671" y="2553"/>
                  </a:lnTo>
                  <a:lnTo>
                    <a:pt x="1675" y="2568"/>
                  </a:lnTo>
                  <a:lnTo>
                    <a:pt x="1675" y="2583"/>
                  </a:lnTo>
                  <a:lnTo>
                    <a:pt x="1679" y="2595"/>
                  </a:lnTo>
                  <a:lnTo>
                    <a:pt x="1679" y="2610"/>
                  </a:lnTo>
                  <a:lnTo>
                    <a:pt x="1683" y="2625"/>
                  </a:lnTo>
                  <a:lnTo>
                    <a:pt x="1683" y="2637"/>
                  </a:lnTo>
                  <a:lnTo>
                    <a:pt x="1683" y="2652"/>
                  </a:lnTo>
                  <a:lnTo>
                    <a:pt x="1687" y="2663"/>
                  </a:lnTo>
                  <a:lnTo>
                    <a:pt x="1687" y="2678"/>
                  </a:lnTo>
                  <a:lnTo>
                    <a:pt x="1687" y="2694"/>
                  </a:lnTo>
                  <a:lnTo>
                    <a:pt x="1690" y="2705"/>
                  </a:lnTo>
                  <a:lnTo>
                    <a:pt x="1690" y="2720"/>
                  </a:lnTo>
                  <a:lnTo>
                    <a:pt x="1690" y="2735"/>
                  </a:lnTo>
                  <a:lnTo>
                    <a:pt x="1690" y="2747"/>
                  </a:lnTo>
                  <a:lnTo>
                    <a:pt x="1694" y="2762"/>
                  </a:lnTo>
                  <a:lnTo>
                    <a:pt x="1694" y="2777"/>
                  </a:lnTo>
                  <a:lnTo>
                    <a:pt x="1694" y="2792"/>
                  </a:lnTo>
                  <a:lnTo>
                    <a:pt x="1694" y="2804"/>
                  </a:lnTo>
                  <a:lnTo>
                    <a:pt x="1694" y="2819"/>
                  </a:lnTo>
                  <a:lnTo>
                    <a:pt x="1694" y="2830"/>
                  </a:lnTo>
                  <a:lnTo>
                    <a:pt x="1694" y="2846"/>
                  </a:lnTo>
                  <a:lnTo>
                    <a:pt x="1690" y="2857"/>
                  </a:lnTo>
                  <a:lnTo>
                    <a:pt x="1690" y="2868"/>
                  </a:lnTo>
                  <a:lnTo>
                    <a:pt x="1687" y="2884"/>
                  </a:lnTo>
                  <a:lnTo>
                    <a:pt x="1687" y="2895"/>
                  </a:lnTo>
                  <a:lnTo>
                    <a:pt x="1683" y="2910"/>
                  </a:lnTo>
                  <a:lnTo>
                    <a:pt x="1683" y="2922"/>
                  </a:lnTo>
                  <a:lnTo>
                    <a:pt x="1679" y="2933"/>
                  </a:lnTo>
                  <a:lnTo>
                    <a:pt x="1675" y="2948"/>
                  </a:lnTo>
                  <a:lnTo>
                    <a:pt x="1671" y="2959"/>
                  </a:lnTo>
                  <a:lnTo>
                    <a:pt x="1668" y="2971"/>
                  </a:lnTo>
                  <a:lnTo>
                    <a:pt x="1664" y="2982"/>
                  </a:lnTo>
                  <a:lnTo>
                    <a:pt x="1660" y="2994"/>
                  </a:lnTo>
                  <a:lnTo>
                    <a:pt x="1656" y="3005"/>
                  </a:lnTo>
                  <a:lnTo>
                    <a:pt x="1649" y="3016"/>
                  </a:lnTo>
                  <a:lnTo>
                    <a:pt x="1641" y="3028"/>
                  </a:lnTo>
                  <a:lnTo>
                    <a:pt x="1637" y="3039"/>
                  </a:lnTo>
                  <a:lnTo>
                    <a:pt x="1630" y="3047"/>
                  </a:lnTo>
                  <a:lnTo>
                    <a:pt x="1622" y="3058"/>
                  </a:lnTo>
                  <a:lnTo>
                    <a:pt x="1618" y="3070"/>
                  </a:lnTo>
                  <a:lnTo>
                    <a:pt x="1611" y="3077"/>
                  </a:lnTo>
                  <a:lnTo>
                    <a:pt x="1599" y="3085"/>
                  </a:lnTo>
                  <a:lnTo>
                    <a:pt x="1592" y="3096"/>
                  </a:lnTo>
                  <a:lnTo>
                    <a:pt x="1580" y="3104"/>
                  </a:lnTo>
                  <a:lnTo>
                    <a:pt x="1573" y="3111"/>
                  </a:lnTo>
                  <a:lnTo>
                    <a:pt x="1561" y="3119"/>
                  </a:lnTo>
                  <a:lnTo>
                    <a:pt x="1550" y="3127"/>
                  </a:lnTo>
                  <a:lnTo>
                    <a:pt x="1542" y="3134"/>
                  </a:lnTo>
                  <a:lnTo>
                    <a:pt x="1531" y="3146"/>
                  </a:lnTo>
                  <a:lnTo>
                    <a:pt x="1520" y="3149"/>
                  </a:lnTo>
                  <a:lnTo>
                    <a:pt x="1508" y="3157"/>
                  </a:lnTo>
                  <a:lnTo>
                    <a:pt x="1497" y="3161"/>
                  </a:lnTo>
                  <a:lnTo>
                    <a:pt x="1489" y="3165"/>
                  </a:lnTo>
                  <a:lnTo>
                    <a:pt x="1478" y="3172"/>
                  </a:lnTo>
                  <a:lnTo>
                    <a:pt x="1470" y="3176"/>
                  </a:lnTo>
                  <a:lnTo>
                    <a:pt x="1459" y="3180"/>
                  </a:lnTo>
                  <a:lnTo>
                    <a:pt x="1451" y="3187"/>
                  </a:lnTo>
                  <a:lnTo>
                    <a:pt x="1444" y="3195"/>
                  </a:lnTo>
                  <a:lnTo>
                    <a:pt x="1436" y="3199"/>
                  </a:lnTo>
                  <a:lnTo>
                    <a:pt x="1428" y="3206"/>
                  </a:lnTo>
                  <a:lnTo>
                    <a:pt x="1421" y="3210"/>
                  </a:lnTo>
                  <a:lnTo>
                    <a:pt x="1413" y="3218"/>
                  </a:lnTo>
                  <a:lnTo>
                    <a:pt x="1406" y="3225"/>
                  </a:lnTo>
                  <a:lnTo>
                    <a:pt x="1402" y="3233"/>
                  </a:lnTo>
                  <a:lnTo>
                    <a:pt x="1394" y="3237"/>
                  </a:lnTo>
                  <a:lnTo>
                    <a:pt x="1387" y="3244"/>
                  </a:lnTo>
                  <a:lnTo>
                    <a:pt x="1383" y="3252"/>
                  </a:lnTo>
                  <a:lnTo>
                    <a:pt x="1375" y="3260"/>
                  </a:lnTo>
                  <a:lnTo>
                    <a:pt x="1371" y="3267"/>
                  </a:lnTo>
                  <a:lnTo>
                    <a:pt x="1364" y="3275"/>
                  </a:lnTo>
                  <a:lnTo>
                    <a:pt x="1360" y="3282"/>
                  </a:lnTo>
                  <a:lnTo>
                    <a:pt x="1356" y="3290"/>
                  </a:lnTo>
                  <a:lnTo>
                    <a:pt x="1352" y="3301"/>
                  </a:lnTo>
                  <a:lnTo>
                    <a:pt x="1349" y="3309"/>
                  </a:lnTo>
                  <a:lnTo>
                    <a:pt x="1341" y="3317"/>
                  </a:lnTo>
                  <a:lnTo>
                    <a:pt x="1337" y="3328"/>
                  </a:lnTo>
                  <a:lnTo>
                    <a:pt x="1337" y="3336"/>
                  </a:lnTo>
                  <a:lnTo>
                    <a:pt x="1333" y="3347"/>
                  </a:lnTo>
                  <a:lnTo>
                    <a:pt x="1330" y="3358"/>
                  </a:lnTo>
                  <a:lnTo>
                    <a:pt x="1326" y="3370"/>
                  </a:lnTo>
                  <a:lnTo>
                    <a:pt x="1326" y="3381"/>
                  </a:lnTo>
                  <a:lnTo>
                    <a:pt x="1326" y="3385"/>
                  </a:lnTo>
                  <a:lnTo>
                    <a:pt x="1330" y="3385"/>
                  </a:lnTo>
                  <a:lnTo>
                    <a:pt x="1341" y="3374"/>
                  </a:lnTo>
                  <a:lnTo>
                    <a:pt x="1352" y="3362"/>
                  </a:lnTo>
                  <a:lnTo>
                    <a:pt x="1360" y="3355"/>
                  </a:lnTo>
                  <a:lnTo>
                    <a:pt x="1364" y="3351"/>
                  </a:lnTo>
                  <a:lnTo>
                    <a:pt x="1371" y="3347"/>
                  </a:lnTo>
                  <a:lnTo>
                    <a:pt x="1383" y="3343"/>
                  </a:lnTo>
                  <a:lnTo>
                    <a:pt x="1390" y="3336"/>
                  </a:lnTo>
                  <a:lnTo>
                    <a:pt x="1394" y="3332"/>
                  </a:lnTo>
                  <a:lnTo>
                    <a:pt x="1406" y="3328"/>
                  </a:lnTo>
                  <a:lnTo>
                    <a:pt x="1413" y="3324"/>
                  </a:lnTo>
                  <a:lnTo>
                    <a:pt x="1421" y="3317"/>
                  </a:lnTo>
                  <a:lnTo>
                    <a:pt x="1432" y="3313"/>
                  </a:lnTo>
                  <a:lnTo>
                    <a:pt x="1440" y="3313"/>
                  </a:lnTo>
                  <a:lnTo>
                    <a:pt x="1447" y="3309"/>
                  </a:lnTo>
                  <a:lnTo>
                    <a:pt x="1459" y="3301"/>
                  </a:lnTo>
                  <a:lnTo>
                    <a:pt x="1466" y="3298"/>
                  </a:lnTo>
                  <a:lnTo>
                    <a:pt x="1474" y="3294"/>
                  </a:lnTo>
                  <a:lnTo>
                    <a:pt x="1485" y="3290"/>
                  </a:lnTo>
                  <a:lnTo>
                    <a:pt x="1493" y="3286"/>
                  </a:lnTo>
                  <a:lnTo>
                    <a:pt x="1504" y="3282"/>
                  </a:lnTo>
                  <a:lnTo>
                    <a:pt x="1512" y="3279"/>
                  </a:lnTo>
                  <a:lnTo>
                    <a:pt x="1523" y="3275"/>
                  </a:lnTo>
                  <a:lnTo>
                    <a:pt x="1531" y="3271"/>
                  </a:lnTo>
                  <a:lnTo>
                    <a:pt x="1542" y="3267"/>
                  </a:lnTo>
                  <a:lnTo>
                    <a:pt x="1550" y="3263"/>
                  </a:lnTo>
                  <a:lnTo>
                    <a:pt x="1561" y="3260"/>
                  </a:lnTo>
                  <a:lnTo>
                    <a:pt x="1569" y="3256"/>
                  </a:lnTo>
                  <a:lnTo>
                    <a:pt x="1580" y="3252"/>
                  </a:lnTo>
                  <a:lnTo>
                    <a:pt x="1592" y="3248"/>
                  </a:lnTo>
                  <a:lnTo>
                    <a:pt x="1599" y="3244"/>
                  </a:lnTo>
                  <a:lnTo>
                    <a:pt x="1611" y="3241"/>
                  </a:lnTo>
                  <a:lnTo>
                    <a:pt x="1618" y="3233"/>
                  </a:lnTo>
                  <a:lnTo>
                    <a:pt x="1626" y="3229"/>
                  </a:lnTo>
                  <a:lnTo>
                    <a:pt x="1637" y="3225"/>
                  </a:lnTo>
                  <a:lnTo>
                    <a:pt x="1645" y="3222"/>
                  </a:lnTo>
                  <a:lnTo>
                    <a:pt x="1656" y="3218"/>
                  </a:lnTo>
                  <a:lnTo>
                    <a:pt x="1664" y="3210"/>
                  </a:lnTo>
                  <a:lnTo>
                    <a:pt x="1671" y="3206"/>
                  </a:lnTo>
                  <a:lnTo>
                    <a:pt x="1679" y="3203"/>
                  </a:lnTo>
                  <a:lnTo>
                    <a:pt x="1690" y="3199"/>
                  </a:lnTo>
                  <a:lnTo>
                    <a:pt x="1694" y="3191"/>
                  </a:lnTo>
                  <a:lnTo>
                    <a:pt x="1706" y="3187"/>
                  </a:lnTo>
                  <a:lnTo>
                    <a:pt x="1713" y="3180"/>
                  </a:lnTo>
                  <a:lnTo>
                    <a:pt x="1717" y="3176"/>
                  </a:lnTo>
                  <a:lnTo>
                    <a:pt x="1725" y="3168"/>
                  </a:lnTo>
                  <a:lnTo>
                    <a:pt x="1736" y="3165"/>
                  </a:lnTo>
                  <a:lnTo>
                    <a:pt x="1740" y="3157"/>
                  </a:lnTo>
                  <a:lnTo>
                    <a:pt x="1747" y="3153"/>
                  </a:lnTo>
                  <a:lnTo>
                    <a:pt x="1751" y="3146"/>
                  </a:lnTo>
                  <a:lnTo>
                    <a:pt x="1759" y="3138"/>
                  </a:lnTo>
                  <a:lnTo>
                    <a:pt x="1763" y="3130"/>
                  </a:lnTo>
                  <a:lnTo>
                    <a:pt x="1770" y="3123"/>
                  </a:lnTo>
                  <a:lnTo>
                    <a:pt x="1774" y="3115"/>
                  </a:lnTo>
                  <a:lnTo>
                    <a:pt x="1778" y="3108"/>
                  </a:lnTo>
                  <a:lnTo>
                    <a:pt x="1782" y="3100"/>
                  </a:lnTo>
                  <a:lnTo>
                    <a:pt x="1785" y="3092"/>
                  </a:lnTo>
                  <a:lnTo>
                    <a:pt x="1789" y="3085"/>
                  </a:lnTo>
                  <a:lnTo>
                    <a:pt x="1793" y="3073"/>
                  </a:lnTo>
                  <a:lnTo>
                    <a:pt x="1793" y="3066"/>
                  </a:lnTo>
                  <a:lnTo>
                    <a:pt x="1797" y="3058"/>
                  </a:lnTo>
                  <a:lnTo>
                    <a:pt x="1801" y="3047"/>
                  </a:lnTo>
                  <a:lnTo>
                    <a:pt x="1801" y="3039"/>
                  </a:lnTo>
                  <a:lnTo>
                    <a:pt x="1801" y="3039"/>
                  </a:lnTo>
                  <a:close/>
                </a:path>
              </a:pathLst>
            </a:custGeom>
            <a:solidFill>
              <a:srgbClr val="000000"/>
            </a:solidFill>
            <a:ln w="9525">
              <a:noFill/>
              <a:round/>
              <a:headEnd/>
              <a:tailEnd/>
            </a:ln>
          </p:spPr>
          <p:txBody>
            <a:bodyPr vert="horz" wrap="square" lIns="91440" tIns="45720" rIns="91440" bIns="45720" numCol="1" anchor="t" anchorCtr="0" compatLnSpc="1">
              <a:prstTxWarp prst="textNoShape">
                <a:avLst/>
              </a:prstTxWarp>
            </a:bodyPr>
            <a:lstStyle/>
            <a:p>
              <a:endParaRPr lang="en-US" dirty="0"/>
            </a:p>
          </p:txBody>
        </p:sp>
      </p:gr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81000" y="4191000"/>
            <a:ext cx="8305800" cy="2163763"/>
          </a:xfrm>
        </p:spPr>
        <p:txBody>
          <a:bodyPr>
            <a:normAutofit fontScale="85000" lnSpcReduction="20000"/>
          </a:bodyPr>
          <a:lstStyle/>
          <a:p>
            <a:pPr algn="ctr">
              <a:buNone/>
            </a:pPr>
            <a:r>
              <a:rPr lang="en-US" dirty="0" smtClean="0"/>
              <a:t>getting ready</a:t>
            </a:r>
          </a:p>
          <a:p>
            <a:pPr algn="ctr">
              <a:buNone/>
            </a:pPr>
            <a:r>
              <a:rPr lang="en-US" dirty="0" smtClean="0"/>
              <a:t>getting ready</a:t>
            </a:r>
          </a:p>
          <a:p>
            <a:pPr algn="ctr">
              <a:buNone/>
            </a:pPr>
            <a:r>
              <a:rPr lang="en-US" dirty="0" smtClean="0"/>
              <a:t>getting ready for school</a:t>
            </a:r>
          </a:p>
          <a:p>
            <a:pPr algn="ctr">
              <a:buNone/>
            </a:pPr>
            <a:r>
              <a:rPr lang="en-US" dirty="0" smtClean="0"/>
              <a:t>there are lots of things to do</a:t>
            </a:r>
          </a:p>
          <a:p>
            <a:pPr algn="ctr">
              <a:buNone/>
            </a:pPr>
            <a:r>
              <a:rPr lang="en-US" dirty="0" smtClean="0"/>
              <a:t> to get ready for school</a:t>
            </a:r>
            <a:endParaRPr lang="en-US" dirty="0"/>
          </a:p>
        </p:txBody>
      </p:sp>
      <p:pic>
        <p:nvPicPr>
          <p:cNvPr id="2050" name="Picture 2" descr="C:\Documents and Settings\s0703695\Local Settings\Temporary Internet Files\Content.IE5\O3ZFGH4Q\MCj04361610000[1].wmf"/>
          <p:cNvPicPr>
            <a:picLocks noChangeAspect="1" noChangeArrowheads="1"/>
          </p:cNvPicPr>
          <p:nvPr/>
        </p:nvPicPr>
        <p:blipFill>
          <a:blip r:embed="rId2"/>
          <a:srcRect/>
          <a:stretch>
            <a:fillRect/>
          </a:stretch>
        </p:blipFill>
        <p:spPr bwMode="auto">
          <a:xfrm>
            <a:off x="1600200" y="164750"/>
            <a:ext cx="5486400" cy="3953991"/>
          </a:xfrm>
          <a:prstGeom prst="rect">
            <a:avLst/>
          </a:prstGeom>
          <a:noFill/>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81000" y="4495800"/>
            <a:ext cx="8305800" cy="1981200"/>
          </a:xfrm>
        </p:spPr>
        <p:txBody>
          <a:bodyPr>
            <a:normAutofit fontScale="62500" lnSpcReduction="20000"/>
          </a:bodyPr>
          <a:lstStyle/>
          <a:p>
            <a:pPr algn="ctr">
              <a:buNone/>
            </a:pPr>
            <a:r>
              <a:rPr lang="en-US" dirty="0" smtClean="0"/>
              <a:t>find</a:t>
            </a:r>
            <a:r>
              <a:rPr lang="en-US" dirty="0" smtClean="0"/>
              <a:t> some crayons</a:t>
            </a:r>
          </a:p>
          <a:p>
            <a:pPr algn="ctr">
              <a:buNone/>
            </a:pPr>
            <a:r>
              <a:rPr lang="en-US" dirty="0" smtClean="0"/>
              <a:t>find </a:t>
            </a:r>
            <a:r>
              <a:rPr lang="en-US" dirty="0" smtClean="0"/>
              <a:t>some crayons</a:t>
            </a:r>
          </a:p>
          <a:p>
            <a:pPr algn="ctr">
              <a:buNone/>
            </a:pPr>
            <a:r>
              <a:rPr lang="en-US" dirty="0" smtClean="0"/>
              <a:t>find</a:t>
            </a:r>
            <a:r>
              <a:rPr lang="en-US" dirty="0" smtClean="0"/>
              <a:t> some crayons to color with.</a:t>
            </a:r>
          </a:p>
          <a:p>
            <a:pPr algn="ctr">
              <a:buNone/>
            </a:pPr>
            <a:endParaRPr lang="en-US" dirty="0"/>
          </a:p>
          <a:p>
            <a:pPr algn="ctr">
              <a:buNone/>
            </a:pPr>
            <a:r>
              <a:rPr lang="en-US" dirty="0" smtClean="0"/>
              <a:t>I will need to </a:t>
            </a:r>
            <a:r>
              <a:rPr lang="en-US" dirty="0" smtClean="0"/>
              <a:t>find</a:t>
            </a:r>
            <a:r>
              <a:rPr lang="en-US" dirty="0" smtClean="0"/>
              <a:t> some crayon</a:t>
            </a:r>
          </a:p>
          <a:p>
            <a:pPr algn="ctr">
              <a:buNone/>
            </a:pPr>
            <a:r>
              <a:rPr lang="en-US" dirty="0" smtClean="0"/>
              <a:t>find</a:t>
            </a:r>
            <a:r>
              <a:rPr lang="en-US" dirty="0" smtClean="0"/>
              <a:t> some crayons to color with</a:t>
            </a:r>
            <a:endParaRPr lang="en-US" dirty="0"/>
          </a:p>
        </p:txBody>
      </p:sp>
      <p:pic>
        <p:nvPicPr>
          <p:cNvPr id="3074" name="Picture 2" descr="C:\Documents and Settings\s0703695\Local Settings\Temporary Internet Files\Content.IE5\A1KUHLBD\MPj04011950000[1].jpg"/>
          <p:cNvPicPr>
            <a:picLocks noChangeAspect="1" noChangeArrowheads="1"/>
          </p:cNvPicPr>
          <p:nvPr/>
        </p:nvPicPr>
        <p:blipFill>
          <a:blip r:embed="rId2" cstate="print"/>
          <a:srcRect/>
          <a:stretch>
            <a:fillRect/>
          </a:stretch>
        </p:blipFill>
        <p:spPr bwMode="auto">
          <a:xfrm>
            <a:off x="3200400" y="152400"/>
            <a:ext cx="5238750" cy="4191000"/>
          </a:xfrm>
          <a:prstGeom prst="rect">
            <a:avLst/>
          </a:prstGeom>
          <a:noFill/>
        </p:spPr>
      </p:pic>
      <p:pic>
        <p:nvPicPr>
          <p:cNvPr id="3075" name="Picture 3" descr="C:\Documents and Settings\s0703695\Local Settings\Temporary Internet Files\Content.IE5\O3ZFGH4Q\MCj02327600000[1].wmf"/>
          <p:cNvPicPr>
            <a:picLocks noChangeAspect="1" noChangeArrowheads="1"/>
          </p:cNvPicPr>
          <p:nvPr/>
        </p:nvPicPr>
        <p:blipFill>
          <a:blip r:embed="rId3"/>
          <a:srcRect/>
          <a:stretch>
            <a:fillRect/>
          </a:stretch>
        </p:blipFill>
        <p:spPr bwMode="auto">
          <a:xfrm>
            <a:off x="304800" y="4343400"/>
            <a:ext cx="1492313" cy="2254313"/>
          </a:xfrm>
          <a:prstGeom prst="rect">
            <a:avLst/>
          </a:prstGeom>
          <a:noFill/>
        </p:spPr>
      </p:pic>
      <p:pic>
        <p:nvPicPr>
          <p:cNvPr id="3077" name="Picture 5" descr="http://rds.yahoo.com/_ylt=A0S0203EYKhI5egAmKmjzbkF/SIG=12edukvmj/EXP=1219080772/**http%3A/image.misterart.com/grouppix/528x352/6000/g6594.jpg"/>
          <p:cNvPicPr>
            <a:picLocks noChangeAspect="1" noChangeArrowheads="1"/>
          </p:cNvPicPr>
          <p:nvPr/>
        </p:nvPicPr>
        <p:blipFill>
          <a:blip r:embed="rId4"/>
          <a:srcRect/>
          <a:stretch>
            <a:fillRect/>
          </a:stretch>
        </p:blipFill>
        <p:spPr bwMode="auto">
          <a:xfrm>
            <a:off x="152399" y="0"/>
            <a:ext cx="2457451" cy="3276600"/>
          </a:xfrm>
          <a:prstGeom prst="rect">
            <a:avLst/>
          </a:prstGeom>
          <a:noFill/>
        </p:spPr>
      </p:pic>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28600" y="4114800"/>
            <a:ext cx="8458200" cy="2011363"/>
          </a:xfrm>
        </p:spPr>
        <p:txBody>
          <a:bodyPr>
            <a:normAutofit fontScale="77500" lnSpcReduction="20000"/>
          </a:bodyPr>
          <a:lstStyle/>
          <a:p>
            <a:pPr algn="ctr">
              <a:buNone/>
            </a:pPr>
            <a:r>
              <a:rPr lang="en-US" dirty="0" smtClean="0"/>
              <a:t>find a scissor</a:t>
            </a:r>
          </a:p>
          <a:p>
            <a:pPr algn="ctr">
              <a:buNone/>
            </a:pPr>
            <a:r>
              <a:rPr lang="en-US" dirty="0" smtClean="0"/>
              <a:t>find a scissor</a:t>
            </a:r>
          </a:p>
          <a:p>
            <a:pPr algn="ctr">
              <a:buNone/>
            </a:pPr>
            <a:r>
              <a:rPr lang="en-US" dirty="0" smtClean="0"/>
              <a:t>find a scissor to cut with</a:t>
            </a:r>
          </a:p>
          <a:p>
            <a:pPr algn="ctr">
              <a:buNone/>
            </a:pPr>
            <a:r>
              <a:rPr lang="en-US" dirty="0" smtClean="0"/>
              <a:t>I will need to </a:t>
            </a:r>
            <a:r>
              <a:rPr lang="en-US" dirty="0" smtClean="0"/>
              <a:t>find a scissor</a:t>
            </a:r>
          </a:p>
          <a:p>
            <a:pPr algn="ctr">
              <a:buNone/>
            </a:pPr>
            <a:r>
              <a:rPr lang="en-US" dirty="0" smtClean="0"/>
              <a:t>find a scissor to cut with</a:t>
            </a:r>
            <a:endParaRPr lang="en-US" dirty="0"/>
          </a:p>
        </p:txBody>
      </p:sp>
      <p:pic>
        <p:nvPicPr>
          <p:cNvPr id="4098" name="Picture 2" descr="C:\Documents and Settings\s0703695\Local Settings\Temporary Internet Files\Content.IE5\GHOTOX4V\MCj04242080000[1].wmf"/>
          <p:cNvPicPr>
            <a:picLocks noChangeAspect="1" noChangeArrowheads="1"/>
          </p:cNvPicPr>
          <p:nvPr/>
        </p:nvPicPr>
        <p:blipFill>
          <a:blip r:embed="rId2"/>
          <a:srcRect/>
          <a:stretch>
            <a:fillRect/>
          </a:stretch>
        </p:blipFill>
        <p:spPr bwMode="auto">
          <a:xfrm>
            <a:off x="152400" y="457200"/>
            <a:ext cx="3346450" cy="4225245"/>
          </a:xfrm>
          <a:prstGeom prst="rect">
            <a:avLst/>
          </a:prstGeom>
          <a:noFill/>
        </p:spPr>
      </p:pic>
      <p:pic>
        <p:nvPicPr>
          <p:cNvPr id="4099" name="Picture 3" descr="C:\Documents and Settings\s0703695\Local Settings\Temporary Internet Files\Content.IE5\O3ZFGH4Q\MCj04325940000[1].png"/>
          <p:cNvPicPr>
            <a:picLocks noChangeAspect="1" noChangeArrowheads="1"/>
          </p:cNvPicPr>
          <p:nvPr/>
        </p:nvPicPr>
        <p:blipFill>
          <a:blip r:embed="rId3"/>
          <a:srcRect/>
          <a:stretch>
            <a:fillRect/>
          </a:stretch>
        </p:blipFill>
        <p:spPr bwMode="auto">
          <a:xfrm>
            <a:off x="6477000" y="3505200"/>
            <a:ext cx="1828572" cy="1828572"/>
          </a:xfrm>
          <a:prstGeom prst="rect">
            <a:avLst/>
          </a:prstGeom>
          <a:noFill/>
        </p:spPr>
      </p:pic>
      <p:pic>
        <p:nvPicPr>
          <p:cNvPr id="4101" name="Picture 5" descr="http://www.vansciverbobbinlace.com/Carrickmacross%20Scissors.jpg"/>
          <p:cNvPicPr>
            <a:picLocks noChangeAspect="1" noChangeArrowheads="1"/>
          </p:cNvPicPr>
          <p:nvPr/>
        </p:nvPicPr>
        <p:blipFill>
          <a:blip r:embed="rId4"/>
          <a:srcRect/>
          <a:stretch>
            <a:fillRect/>
          </a:stretch>
        </p:blipFill>
        <p:spPr bwMode="auto">
          <a:xfrm>
            <a:off x="3743881" y="228600"/>
            <a:ext cx="4821695" cy="2438400"/>
          </a:xfrm>
          <a:prstGeom prst="rect">
            <a:avLst/>
          </a:prstGeom>
          <a:noFill/>
        </p:spPr>
      </p:pic>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914400" y="4267200"/>
            <a:ext cx="8229600" cy="1858963"/>
          </a:xfrm>
        </p:spPr>
        <p:txBody>
          <a:bodyPr>
            <a:normAutofit fontScale="70000" lnSpcReduction="20000"/>
          </a:bodyPr>
          <a:lstStyle/>
          <a:p>
            <a:pPr algn="ctr">
              <a:buNone/>
            </a:pPr>
            <a:r>
              <a:rPr lang="en-US" dirty="0" smtClean="0"/>
              <a:t>find some pencils</a:t>
            </a:r>
          </a:p>
          <a:p>
            <a:pPr algn="ctr">
              <a:buNone/>
            </a:pPr>
            <a:r>
              <a:rPr lang="en-US" dirty="0" smtClean="0"/>
              <a:t>find some pencils</a:t>
            </a:r>
          </a:p>
          <a:p>
            <a:pPr algn="ctr">
              <a:buNone/>
            </a:pPr>
            <a:r>
              <a:rPr lang="en-US" dirty="0" smtClean="0"/>
              <a:t>find some pencils to write with</a:t>
            </a:r>
          </a:p>
          <a:p>
            <a:pPr algn="ctr">
              <a:buNone/>
            </a:pPr>
            <a:r>
              <a:rPr lang="en-US" dirty="0" smtClean="0"/>
              <a:t>I will need </a:t>
            </a:r>
            <a:r>
              <a:rPr lang="en-US" dirty="0" err="1" smtClean="0"/>
              <a:t>tofind</a:t>
            </a:r>
            <a:r>
              <a:rPr lang="en-US" dirty="0" smtClean="0"/>
              <a:t> </a:t>
            </a:r>
            <a:r>
              <a:rPr lang="en-US" dirty="0" smtClean="0"/>
              <a:t>some pencils</a:t>
            </a:r>
          </a:p>
          <a:p>
            <a:pPr algn="ctr">
              <a:buNone/>
            </a:pPr>
            <a:r>
              <a:rPr lang="en-US" dirty="0" smtClean="0"/>
              <a:t>find some pencils to write with</a:t>
            </a:r>
            <a:endParaRPr lang="en-US" dirty="0"/>
          </a:p>
        </p:txBody>
      </p:sp>
      <p:pic>
        <p:nvPicPr>
          <p:cNvPr id="5122" name="Picture 2" descr="C:\Documents and Settings\s0703695\Local Settings\Temporary Internet Files\Content.IE5\O3ZFGH4Q\MCj04348720000[1].png"/>
          <p:cNvPicPr>
            <a:picLocks noChangeAspect="1" noChangeArrowheads="1"/>
          </p:cNvPicPr>
          <p:nvPr/>
        </p:nvPicPr>
        <p:blipFill>
          <a:blip r:embed="rId2"/>
          <a:srcRect/>
          <a:stretch>
            <a:fillRect/>
          </a:stretch>
        </p:blipFill>
        <p:spPr bwMode="auto">
          <a:xfrm>
            <a:off x="0" y="152400"/>
            <a:ext cx="2285714" cy="2285714"/>
          </a:xfrm>
          <a:prstGeom prst="rect">
            <a:avLst/>
          </a:prstGeom>
          <a:noFill/>
        </p:spPr>
      </p:pic>
      <p:pic>
        <p:nvPicPr>
          <p:cNvPr id="5123" name="Picture 3" descr="C:\Documents and Settings\s0703695\Local Settings\Temporary Internet Files\Content.IE5\GHOTOX4V\MCj04325790000[1].png"/>
          <p:cNvPicPr>
            <a:picLocks noChangeAspect="1" noChangeArrowheads="1"/>
          </p:cNvPicPr>
          <p:nvPr/>
        </p:nvPicPr>
        <p:blipFill>
          <a:blip r:embed="rId3"/>
          <a:srcRect/>
          <a:stretch>
            <a:fillRect/>
          </a:stretch>
        </p:blipFill>
        <p:spPr bwMode="auto">
          <a:xfrm>
            <a:off x="5486400" y="1447800"/>
            <a:ext cx="1828572" cy="1828572"/>
          </a:xfrm>
          <a:prstGeom prst="rect">
            <a:avLst/>
          </a:prstGeom>
          <a:noFill/>
        </p:spPr>
      </p:pic>
      <p:pic>
        <p:nvPicPr>
          <p:cNvPr id="5124" name="Picture 4" descr="C:\Documents and Settings\s0703695\Local Settings\Temporary Internet Files\Content.IE5\PMPTR0RN\MCj04326550000[1].png"/>
          <p:cNvPicPr>
            <a:picLocks noChangeAspect="1" noChangeArrowheads="1"/>
          </p:cNvPicPr>
          <p:nvPr/>
        </p:nvPicPr>
        <p:blipFill>
          <a:blip r:embed="rId4"/>
          <a:srcRect/>
          <a:stretch>
            <a:fillRect/>
          </a:stretch>
        </p:blipFill>
        <p:spPr bwMode="auto">
          <a:xfrm>
            <a:off x="2438400" y="152400"/>
            <a:ext cx="3086100" cy="3086100"/>
          </a:xfrm>
          <a:prstGeom prst="rect">
            <a:avLst/>
          </a:prstGeom>
          <a:noFill/>
        </p:spPr>
      </p:pic>
      <p:pic>
        <p:nvPicPr>
          <p:cNvPr id="5127" name="Picture 7" descr="http://www.thedailyplanner.com/images/Spare_Pencil_Blck.jpg"/>
          <p:cNvPicPr>
            <a:picLocks noChangeAspect="1" noChangeArrowheads="1"/>
          </p:cNvPicPr>
          <p:nvPr/>
        </p:nvPicPr>
        <p:blipFill>
          <a:blip r:embed="rId5"/>
          <a:srcRect/>
          <a:stretch>
            <a:fillRect/>
          </a:stretch>
        </p:blipFill>
        <p:spPr bwMode="auto">
          <a:xfrm>
            <a:off x="0" y="2895600"/>
            <a:ext cx="3060700" cy="3060700"/>
          </a:xfrm>
          <a:prstGeom prst="rect">
            <a:avLst/>
          </a:prstGeom>
          <a:noFill/>
        </p:spPr>
      </p:pic>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4343400"/>
            <a:ext cx="8229600" cy="1782763"/>
          </a:xfrm>
        </p:spPr>
        <p:txBody>
          <a:bodyPr>
            <a:normAutofit fontScale="70000" lnSpcReduction="20000"/>
          </a:bodyPr>
          <a:lstStyle/>
          <a:p>
            <a:pPr algn="ctr">
              <a:buNone/>
            </a:pPr>
            <a:r>
              <a:rPr lang="en-US" dirty="0" smtClean="0"/>
              <a:t>find some paper</a:t>
            </a:r>
          </a:p>
          <a:p>
            <a:pPr algn="ctr">
              <a:buNone/>
            </a:pPr>
            <a:r>
              <a:rPr lang="en-US" dirty="0" smtClean="0"/>
              <a:t>find some paper</a:t>
            </a:r>
          </a:p>
          <a:p>
            <a:pPr algn="ctr">
              <a:buNone/>
            </a:pPr>
            <a:r>
              <a:rPr lang="en-US" dirty="0" smtClean="0"/>
              <a:t>find some paper to work on</a:t>
            </a:r>
          </a:p>
          <a:p>
            <a:pPr algn="ctr">
              <a:buNone/>
            </a:pPr>
            <a:r>
              <a:rPr lang="en-US" dirty="0" smtClean="0"/>
              <a:t>I will need to find some paper</a:t>
            </a:r>
          </a:p>
          <a:p>
            <a:pPr algn="ctr">
              <a:buNone/>
            </a:pPr>
            <a:r>
              <a:rPr lang="en-US" dirty="0" smtClean="0"/>
              <a:t>find some paper to work on</a:t>
            </a:r>
            <a:endParaRPr lang="en-US" dirty="0"/>
          </a:p>
        </p:txBody>
      </p:sp>
      <p:pic>
        <p:nvPicPr>
          <p:cNvPr id="6150" name="Picture 6" descr="C:\Documents and Settings\s0703695\Local Settings\Temporary Internet Files\Content.IE5\O3ZFGH4Q\MCj04248020000[1].wmf"/>
          <p:cNvPicPr>
            <a:picLocks noChangeAspect="1" noChangeArrowheads="1"/>
          </p:cNvPicPr>
          <p:nvPr/>
        </p:nvPicPr>
        <p:blipFill>
          <a:blip r:embed="rId2"/>
          <a:srcRect/>
          <a:stretch>
            <a:fillRect/>
          </a:stretch>
        </p:blipFill>
        <p:spPr bwMode="auto">
          <a:xfrm>
            <a:off x="4648200" y="838200"/>
            <a:ext cx="4267200" cy="3406403"/>
          </a:xfrm>
          <a:prstGeom prst="rect">
            <a:avLst/>
          </a:prstGeom>
          <a:noFill/>
        </p:spPr>
      </p:pic>
      <p:pic>
        <p:nvPicPr>
          <p:cNvPr id="6152" name="Picture 8" descr="http://www.eschoolcrossingcatalog.com/images/edu/big/CE/CD_8715.gif"/>
          <p:cNvPicPr>
            <a:picLocks noChangeAspect="1" noChangeArrowheads="1"/>
          </p:cNvPicPr>
          <p:nvPr/>
        </p:nvPicPr>
        <p:blipFill>
          <a:blip r:embed="rId3"/>
          <a:srcRect/>
          <a:stretch>
            <a:fillRect/>
          </a:stretch>
        </p:blipFill>
        <p:spPr bwMode="auto">
          <a:xfrm>
            <a:off x="457200" y="457200"/>
            <a:ext cx="3009900" cy="3810000"/>
          </a:xfrm>
          <a:prstGeom prst="rect">
            <a:avLst/>
          </a:prstGeom>
          <a:noFill/>
        </p:spPr>
      </p:pic>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81000" y="4495800"/>
            <a:ext cx="8305800" cy="2087563"/>
          </a:xfrm>
        </p:spPr>
        <p:txBody>
          <a:bodyPr>
            <a:normAutofit fontScale="70000" lnSpcReduction="20000"/>
          </a:bodyPr>
          <a:lstStyle/>
          <a:p>
            <a:pPr algn="ctr">
              <a:buNone/>
            </a:pPr>
            <a:r>
              <a:rPr lang="en-US" dirty="0" smtClean="0"/>
              <a:t>find some glue</a:t>
            </a:r>
          </a:p>
          <a:p>
            <a:pPr algn="ctr">
              <a:buNone/>
            </a:pPr>
            <a:r>
              <a:rPr lang="en-US" dirty="0" smtClean="0"/>
              <a:t>find some glue</a:t>
            </a:r>
          </a:p>
          <a:p>
            <a:pPr algn="ctr">
              <a:buNone/>
            </a:pPr>
            <a:r>
              <a:rPr lang="en-US" dirty="0" smtClean="0"/>
              <a:t>find some glue to stick things on</a:t>
            </a:r>
          </a:p>
          <a:p>
            <a:pPr algn="ctr">
              <a:buNone/>
            </a:pPr>
            <a:endParaRPr lang="en-US" dirty="0"/>
          </a:p>
          <a:p>
            <a:pPr algn="ctr">
              <a:buNone/>
            </a:pPr>
            <a:r>
              <a:rPr lang="en-US" dirty="0" smtClean="0"/>
              <a:t>I will need to find some glue</a:t>
            </a:r>
          </a:p>
          <a:p>
            <a:pPr algn="ctr">
              <a:buNone/>
            </a:pPr>
            <a:r>
              <a:rPr lang="en-US" dirty="0" smtClean="0"/>
              <a:t>find some glue to stick things on</a:t>
            </a:r>
          </a:p>
        </p:txBody>
      </p:sp>
      <p:pic>
        <p:nvPicPr>
          <p:cNvPr id="7170" name="Picture 2" descr="C:\Documents and Settings\s0703695\Local Settings\Temporary Internet Files\Content.IE5\PMPTR0RN\MCj02909330000[1].wmf"/>
          <p:cNvPicPr>
            <a:picLocks noChangeAspect="1" noChangeArrowheads="1"/>
          </p:cNvPicPr>
          <p:nvPr/>
        </p:nvPicPr>
        <p:blipFill>
          <a:blip r:embed="rId2"/>
          <a:srcRect/>
          <a:stretch>
            <a:fillRect/>
          </a:stretch>
        </p:blipFill>
        <p:spPr bwMode="auto">
          <a:xfrm>
            <a:off x="381000" y="3733800"/>
            <a:ext cx="1015773" cy="1685430"/>
          </a:xfrm>
          <a:prstGeom prst="rect">
            <a:avLst/>
          </a:prstGeom>
          <a:noFill/>
        </p:spPr>
      </p:pic>
      <p:pic>
        <p:nvPicPr>
          <p:cNvPr id="7171" name="Picture 3" descr="C:\Documents and Settings\s0703695\Local Settings\Temporary Internet Files\Content.IE5\A1KUHLBD\MCj03299520000[1].wmf"/>
          <p:cNvPicPr>
            <a:picLocks noChangeAspect="1" noChangeArrowheads="1"/>
          </p:cNvPicPr>
          <p:nvPr/>
        </p:nvPicPr>
        <p:blipFill>
          <a:blip r:embed="rId3"/>
          <a:srcRect/>
          <a:stretch>
            <a:fillRect/>
          </a:stretch>
        </p:blipFill>
        <p:spPr bwMode="auto">
          <a:xfrm>
            <a:off x="609600" y="457200"/>
            <a:ext cx="1294646" cy="1797113"/>
          </a:xfrm>
          <a:prstGeom prst="rect">
            <a:avLst/>
          </a:prstGeom>
          <a:noFill/>
        </p:spPr>
      </p:pic>
      <p:pic>
        <p:nvPicPr>
          <p:cNvPr id="7172" name="Picture 4" descr="C:\Documents and Settings\s0703695\Local Settings\Temporary Internet Files\Content.IE5\O3ZFGH4Q\MCj03788510000[1].wmf"/>
          <p:cNvPicPr>
            <a:picLocks noChangeAspect="1" noChangeArrowheads="1"/>
          </p:cNvPicPr>
          <p:nvPr/>
        </p:nvPicPr>
        <p:blipFill>
          <a:blip r:embed="rId4"/>
          <a:srcRect/>
          <a:stretch>
            <a:fillRect/>
          </a:stretch>
        </p:blipFill>
        <p:spPr bwMode="auto">
          <a:xfrm>
            <a:off x="6400800" y="1295400"/>
            <a:ext cx="1193292" cy="1835201"/>
          </a:xfrm>
          <a:prstGeom prst="rect">
            <a:avLst/>
          </a:prstGeom>
          <a:noFill/>
        </p:spPr>
      </p:pic>
      <p:pic>
        <p:nvPicPr>
          <p:cNvPr id="7174" name="Picture 6" descr="http://www.dailyweeder.com/wp-content/uploads/elmers-glue-all.jpg"/>
          <p:cNvPicPr>
            <a:picLocks noChangeAspect="1" noChangeArrowheads="1"/>
          </p:cNvPicPr>
          <p:nvPr/>
        </p:nvPicPr>
        <p:blipFill>
          <a:blip r:embed="rId5"/>
          <a:srcRect/>
          <a:stretch>
            <a:fillRect/>
          </a:stretch>
        </p:blipFill>
        <p:spPr bwMode="auto">
          <a:xfrm>
            <a:off x="2667000" y="457200"/>
            <a:ext cx="3657600" cy="3657600"/>
          </a:xfrm>
          <a:prstGeom prst="rect">
            <a:avLst/>
          </a:prstGeom>
          <a:noFill/>
        </p:spPr>
      </p:pic>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4343400"/>
            <a:ext cx="8229600" cy="1782763"/>
          </a:xfrm>
        </p:spPr>
        <p:txBody>
          <a:bodyPr>
            <a:normAutofit fontScale="70000" lnSpcReduction="20000"/>
          </a:bodyPr>
          <a:lstStyle/>
          <a:p>
            <a:pPr algn="ctr">
              <a:buNone/>
            </a:pPr>
            <a:r>
              <a:rPr lang="en-US" dirty="0" smtClean="0"/>
              <a:t>find some markers</a:t>
            </a:r>
          </a:p>
          <a:p>
            <a:pPr algn="ctr">
              <a:buNone/>
            </a:pPr>
            <a:r>
              <a:rPr lang="en-US" dirty="0" smtClean="0"/>
              <a:t>find some markers</a:t>
            </a:r>
          </a:p>
          <a:p>
            <a:pPr algn="ctr">
              <a:buNone/>
            </a:pPr>
            <a:r>
              <a:rPr lang="en-US" dirty="0" smtClean="0"/>
              <a:t>find some markers to draw with</a:t>
            </a:r>
          </a:p>
          <a:p>
            <a:pPr algn="ctr">
              <a:buNone/>
            </a:pPr>
            <a:r>
              <a:rPr lang="en-US" dirty="0" smtClean="0"/>
              <a:t>I will need to find some markers</a:t>
            </a:r>
          </a:p>
          <a:p>
            <a:pPr algn="ctr">
              <a:buNone/>
            </a:pPr>
            <a:r>
              <a:rPr lang="en-US" dirty="0" smtClean="0"/>
              <a:t>find some markers to draw with</a:t>
            </a:r>
            <a:endParaRPr lang="en-US" dirty="0"/>
          </a:p>
        </p:txBody>
      </p:sp>
      <p:pic>
        <p:nvPicPr>
          <p:cNvPr id="8194" name="Picture 2" descr="C:\Documents and Settings\s0703695\Local Settings\Temporary Internet Files\Content.IE5\GHOTOX4V\MCj03533040000[1].wmf"/>
          <p:cNvPicPr>
            <a:picLocks noChangeAspect="1" noChangeArrowheads="1"/>
          </p:cNvPicPr>
          <p:nvPr/>
        </p:nvPicPr>
        <p:blipFill>
          <a:blip r:embed="rId2"/>
          <a:srcRect/>
          <a:stretch>
            <a:fillRect/>
          </a:stretch>
        </p:blipFill>
        <p:spPr bwMode="auto">
          <a:xfrm>
            <a:off x="6400800" y="914400"/>
            <a:ext cx="1662820" cy="1813711"/>
          </a:xfrm>
          <a:prstGeom prst="rect">
            <a:avLst/>
          </a:prstGeom>
          <a:noFill/>
        </p:spPr>
      </p:pic>
      <p:pic>
        <p:nvPicPr>
          <p:cNvPr id="8198" name="Picture 6" descr="http://rds.yahoo.com/_ylt=A0S020wzYahIv4sAlLujzbkF/SIG=13dpgvjb1/EXP=1219080883/**http%3A/www.guildcraftinc.com/images/products/Full/173-162%2520Markers%252012%2520Fine.jpg"/>
          <p:cNvPicPr>
            <a:picLocks noChangeAspect="1" noChangeArrowheads="1"/>
          </p:cNvPicPr>
          <p:nvPr/>
        </p:nvPicPr>
        <p:blipFill>
          <a:blip r:embed="rId3"/>
          <a:srcRect/>
          <a:stretch>
            <a:fillRect/>
          </a:stretch>
        </p:blipFill>
        <p:spPr bwMode="auto">
          <a:xfrm>
            <a:off x="1828800" y="609600"/>
            <a:ext cx="3659375" cy="3717925"/>
          </a:xfrm>
          <a:prstGeom prst="rect">
            <a:avLst/>
          </a:prstGeom>
          <a:noFill/>
        </p:spPr>
      </p:pic>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81000" y="4419600"/>
            <a:ext cx="8305800" cy="1706563"/>
          </a:xfrm>
        </p:spPr>
        <p:txBody>
          <a:bodyPr>
            <a:normAutofit fontScale="70000" lnSpcReduction="20000"/>
          </a:bodyPr>
          <a:lstStyle/>
          <a:p>
            <a:pPr algn="ctr">
              <a:buNone/>
            </a:pPr>
            <a:r>
              <a:rPr lang="en-US" dirty="0" smtClean="0"/>
              <a:t>get my backpack</a:t>
            </a:r>
          </a:p>
          <a:p>
            <a:pPr algn="ctr">
              <a:buNone/>
            </a:pPr>
            <a:r>
              <a:rPr lang="en-US" dirty="0" smtClean="0"/>
              <a:t>get my backpack</a:t>
            </a:r>
          </a:p>
          <a:p>
            <a:pPr algn="ctr">
              <a:buNone/>
            </a:pPr>
            <a:r>
              <a:rPr lang="en-US" dirty="0" smtClean="0"/>
              <a:t>put all my supplies in</a:t>
            </a:r>
          </a:p>
          <a:p>
            <a:pPr algn="ctr">
              <a:buNone/>
            </a:pPr>
            <a:endParaRPr lang="en-US" dirty="0"/>
          </a:p>
          <a:p>
            <a:pPr algn="ctr">
              <a:buNone/>
            </a:pPr>
            <a:r>
              <a:rPr lang="en-US" dirty="0" smtClean="0"/>
              <a:t>I will need to get my backpack and put all my supplies in</a:t>
            </a:r>
          </a:p>
          <a:p>
            <a:pPr>
              <a:buNone/>
            </a:pPr>
            <a:endParaRPr lang="en-US" dirty="0"/>
          </a:p>
        </p:txBody>
      </p:sp>
      <p:pic>
        <p:nvPicPr>
          <p:cNvPr id="19458" name="Picture 2" descr="C:\Documents and Settings\s0703695\Local Settings\Temporary Internet Files\Content.IE5\PMPTR0RN\MCj02909030000[1].wmf"/>
          <p:cNvPicPr>
            <a:picLocks noChangeAspect="1" noChangeArrowheads="1"/>
          </p:cNvPicPr>
          <p:nvPr/>
        </p:nvPicPr>
        <p:blipFill>
          <a:blip r:embed="rId2"/>
          <a:srcRect/>
          <a:stretch>
            <a:fillRect/>
          </a:stretch>
        </p:blipFill>
        <p:spPr bwMode="auto">
          <a:xfrm>
            <a:off x="2819400" y="381000"/>
            <a:ext cx="3067616" cy="3690982"/>
          </a:xfrm>
          <a:prstGeom prst="rect">
            <a:avLst/>
          </a:prstGeom>
          <a:noFill/>
        </p:spPr>
      </p:pic>
    </p:spTree>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cument" ma:contentTypeID="0x010100E91D313540F5A347957D6007D7DA0772" ma:contentTypeVersion="1" ma:contentTypeDescription="Create a new document." ma:contentTypeScope="" ma:versionID="c4ae08e3781120008abf893aba003586">
  <xsd:schema xmlns:xsd="http://www.w3.org/2001/XMLSchema" xmlns:p="http://schemas.microsoft.com/office/2006/metadata/properties" xmlns:ns2="3dad766c-9e36-455d-8d7c-234eca89fec7" targetNamespace="http://schemas.microsoft.com/office/2006/metadata/properties" ma:root="true" ma:fieldsID="111b1d09fd174d8180c4ea5adcf5fafb" ns2:_="">
    <xsd:import namespace="3dad766c-9e36-455d-8d7c-234eca89fec7"/>
    <xsd:element name="properties">
      <xsd:complexType>
        <xsd:sequence>
          <xsd:element name="documentManagement">
            <xsd:complexType>
              <xsd:all>
                <xsd:element ref="ns2:Resource_x0020_Type" minOccurs="0"/>
              </xsd:all>
            </xsd:complexType>
          </xsd:element>
        </xsd:sequence>
      </xsd:complexType>
    </xsd:element>
  </xsd:schema>
  <xsd:schema xmlns:xsd="http://www.w3.org/2001/XMLSchema" xmlns:dms="http://schemas.microsoft.com/office/2006/documentManagement/types" targetNamespace="3dad766c-9e36-455d-8d7c-234eca89fec7" elementFormDefault="qualified">
    <xsd:import namespace="http://schemas.microsoft.com/office/2006/documentManagement/types"/>
    <xsd:element name="Resource_x0020_Type" ma:index="8" nillable="true" ma:displayName="Resource Type" ma:default="" ma:internalName="Resource_x0020_Type" ma:requiredMultiChoice="true">
      <xsd:complexType>
        <xsd:complexContent>
          <xsd:extension base="dms:MultiChoiceFillIn">
            <xsd:sequence>
              <xsd:element name="Value" maxOccurs="unbounded" minOccurs="0" nillable="true">
                <xsd:simpleType>
                  <xsd:union memberTypes="dms:Text">
                    <xsd:simpleType>
                      <xsd:restriction base="dms:Choice">
                        <xsd:enumeration value="Academic"/>
                        <xsd:enumeration value="AP"/>
                        <xsd:enumeration value="Pre AP"/>
                        <xsd:enumeration value="Parent Resource"/>
                        <xsd:enumeration value="Student Resource"/>
                        <xsd:enumeration value="Publications"/>
                        <xsd:enumeration value="Homework"/>
                        <xsd:enumeration value="Other"/>
                      </xsd:restriction>
                    </xsd:simpleType>
                  </xsd:union>
                </xsd:simpleType>
              </xsd:element>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office/internal/2005/internalDocumentation"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ma:readOnly="tru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lastPrinted" minOccurs="0" maxOccurs="1" type="xsd:dateTime"/>
        <xsd:element name="contentStatus" minOccurs="0" maxOccurs="1" type="xsd:string"/>
      </xsd:all>
    </xsd:complexType>
  </xsd: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documentManagement>
    <Resource_x0020_Type xmlns="3dad766c-9e36-455d-8d7c-234eca89fec7">
      <Value>Academic</Value>
    </Resource_x0020_Type>
  </documentManagement>
</p:properties>
</file>

<file path=customXml/itemProps1.xml><?xml version="1.0" encoding="utf-8"?>
<ds:datastoreItem xmlns:ds="http://schemas.openxmlformats.org/officeDocument/2006/customXml" ds:itemID="{49DAEE95-AC7E-45E2-B010-EC1C6A872CA4}"/>
</file>

<file path=customXml/itemProps2.xml><?xml version="1.0" encoding="utf-8"?>
<ds:datastoreItem xmlns:ds="http://schemas.openxmlformats.org/officeDocument/2006/customXml" ds:itemID="{BAE11C08-485F-4A7E-A7BA-A7CD7CC5A7ED}"/>
</file>

<file path=customXml/itemProps3.xml><?xml version="1.0" encoding="utf-8"?>
<ds:datastoreItem xmlns:ds="http://schemas.openxmlformats.org/officeDocument/2006/customXml" ds:itemID="{49C99451-D12F-4320-9C89-4889A50D53BE}"/>
</file>

<file path=docProps/app.xml><?xml version="1.0" encoding="utf-8"?>
<Properties xmlns="http://schemas.openxmlformats.org/officeDocument/2006/extended-properties" xmlns:vt="http://schemas.openxmlformats.org/officeDocument/2006/docPropsVTypes">
  <TotalTime>60</TotalTime>
  <Words>259</Words>
  <Application>Microsoft Office PowerPoint</Application>
  <PresentationFormat>On-screen Show (4:3)</PresentationFormat>
  <Paragraphs>52</Paragraphs>
  <Slides>12</Slides>
  <Notes>0</Notes>
  <HiddenSlides>0</HiddenSlides>
  <MMClips>0</MMClips>
  <ScaleCrop>false</ScaleCrop>
  <HeadingPairs>
    <vt:vector size="4" baseType="variant">
      <vt:variant>
        <vt:lpstr>Theme</vt:lpstr>
      </vt:variant>
      <vt:variant>
        <vt:i4>1</vt:i4>
      </vt:variant>
      <vt:variant>
        <vt:lpstr>Slide Titles</vt:lpstr>
      </vt:variant>
      <vt:variant>
        <vt:i4>12</vt:i4>
      </vt:variant>
    </vt:vector>
  </HeadingPairs>
  <TitlesOfParts>
    <vt:vector size="13" baseType="lpstr">
      <vt:lpstr>Office Theme</vt:lpstr>
      <vt:lpstr>Getting Ready for School (to the tune of oh my Darling Clementine)  by Kristina Sica  </vt:lpstr>
      <vt:lpstr>Slide 2</vt:lpstr>
      <vt:lpstr>Slide 3</vt:lpstr>
      <vt:lpstr>Slide 4</vt:lpstr>
      <vt:lpstr>Slide 5</vt:lpstr>
      <vt:lpstr>Slide 6</vt:lpstr>
      <vt:lpstr>Slide 7</vt:lpstr>
      <vt:lpstr>Slide 8</vt:lpstr>
      <vt:lpstr>Slide 9</vt:lpstr>
      <vt:lpstr>Slide 10</vt:lpstr>
      <vt:lpstr>Slide 11</vt:lpstr>
      <vt:lpstr>Slide 12</vt:lpstr>
    </vt:vector>
  </TitlesOfParts>
  <Company>Katy ISD</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etting Ready for School  getting ready getting ready getting ready for school there are lots of things to do to get ready for school (to the tune of oh my darlin)</dc:title>
  <dc:creator>s0703695</dc:creator>
  <cp:lastModifiedBy>s0703695</cp:lastModifiedBy>
  <cp:revision>12</cp:revision>
  <dcterms:created xsi:type="dcterms:W3CDTF">2008-08-17T16:54:53Z</dcterms:created>
  <dcterms:modified xsi:type="dcterms:W3CDTF">2008-08-17T17:55:15Z</dcterms:modified>
  <cp:contentType>Document</cp:contentType>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E91D313540F5A347957D6007D7DA0772</vt:lpwstr>
  </property>
</Properties>
</file>